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C:\Users\i5429825\Desktop\"/>
    </mc:Choice>
  </mc:AlternateContent>
  <bookViews>
    <workbookView xWindow="0" yWindow="0" windowWidth="20490" windowHeight="7530"/>
  </bookViews>
  <sheets>
    <sheet name="診療所法人" sheetId="13" r:id="rId1"/>
  </sheets>
  <definedNames>
    <definedName name="_xlnm._FilterDatabase" localSheetId="0" hidden="1">診療所法人!$B$1:$AT$1712</definedName>
    <definedName name="_xlnm.Print_Area" localSheetId="0">診療所法人!$B$1:$G$1712</definedName>
    <definedName name="_xlnm.Print_Titles" localSheetId="0">診療所法人!$1:$1</definedName>
  </definedNames>
  <calcPr calcId="162913"/>
</workbook>
</file>

<file path=xl/sharedStrings.xml><?xml version="1.0" encoding="utf-8"?>
<sst xmlns="http://schemas.openxmlformats.org/spreadsheetml/2006/main" count="6869" uniqueCount="3600">
  <si>
    <t>医療法人　天野クリニック</t>
  </si>
  <si>
    <t>医療法人　山中医院</t>
  </si>
  <si>
    <t>医療法人　天野整形外科</t>
  </si>
  <si>
    <t>医療法人　大和医院</t>
  </si>
  <si>
    <t>医療法人　明石眼科</t>
  </si>
  <si>
    <t>医療法人　光慈会</t>
  </si>
  <si>
    <t>医療法人　富士会</t>
  </si>
  <si>
    <t>医療法人　慶真会</t>
    <rPh sb="5" eb="6">
      <t>ケイ</t>
    </rPh>
    <rPh sb="6" eb="7">
      <t>マコト</t>
    </rPh>
    <rPh sb="7" eb="8">
      <t>カイ</t>
    </rPh>
    <phoneticPr fontId="3"/>
  </si>
  <si>
    <t>医療法人　愛幸会</t>
  </si>
  <si>
    <t>医療法人　アイディー会いりふね歯科</t>
  </si>
  <si>
    <t>医療法人　田中歯科クリニック</t>
  </si>
  <si>
    <t>医療法人　柳原医院</t>
  </si>
  <si>
    <t>医療法人　藤浪歯科</t>
  </si>
  <si>
    <t>医療法人　浅川クリニック</t>
  </si>
  <si>
    <t>大阪市淀川区東三国4-1-8</t>
  </si>
  <si>
    <t>大阪市淀川区東三国4-1-8 大京ﾋﾞﾙ東三国ﾊｲﾂ2階</t>
  </si>
  <si>
    <t>大阪市淀川区東三国5-1-1 近藤ﾋﾞﾙ2階</t>
  </si>
  <si>
    <t>大阪市淀川区新高1-11-6</t>
  </si>
  <si>
    <t>鶴見区</t>
    <phoneticPr fontId="3"/>
  </si>
  <si>
    <t>天王寺区</t>
    <phoneticPr fontId="3"/>
  </si>
  <si>
    <t>都島区</t>
    <phoneticPr fontId="3"/>
  </si>
  <si>
    <t>東成区</t>
    <phoneticPr fontId="3"/>
  </si>
  <si>
    <t>福島区</t>
    <phoneticPr fontId="3"/>
  </si>
  <si>
    <t>住吉区</t>
    <phoneticPr fontId="3"/>
  </si>
  <si>
    <t>医療法人　寛友会</t>
  </si>
  <si>
    <t>医療法人　ほのぼの会</t>
  </si>
  <si>
    <t>大阪市淀川区塚本4-3ｰ3</t>
  </si>
  <si>
    <t>大阪市淀川区塚本4-6-23</t>
  </si>
  <si>
    <t>大阪市淀川区塚本5-6-17</t>
  </si>
  <si>
    <t>大阪市淀川区東三国2-17-26</t>
  </si>
  <si>
    <t>大阪市淀川区東三国2-24-11</t>
  </si>
  <si>
    <t>医療法人　康雅会</t>
    <phoneticPr fontId="3"/>
  </si>
  <si>
    <t>大阪市城東区鴫野東3-4-1</t>
    <phoneticPr fontId="3"/>
  </si>
  <si>
    <t>医療法人　承寿会</t>
    <phoneticPr fontId="3"/>
  </si>
  <si>
    <t>大阪市阿倍野区天王寺町南1-6-12</t>
    <phoneticPr fontId="3"/>
  </si>
  <si>
    <t>医療法人　やまぐち整形外科クリニック</t>
    <phoneticPr fontId="3"/>
  </si>
  <si>
    <t>医療法人　厳誠会</t>
    <phoneticPr fontId="3"/>
  </si>
  <si>
    <t>大阪市城東区諏訪1-18-4</t>
    <phoneticPr fontId="3"/>
  </si>
  <si>
    <t>大阪市西区九条南2-34-8</t>
    <phoneticPr fontId="3"/>
  </si>
  <si>
    <t>○</t>
    <phoneticPr fontId="3"/>
  </si>
  <si>
    <t>大阪市阿倍野区阿倍野筋1-3-15 阿倍野共同ﾋﾞﾙ</t>
    <phoneticPr fontId="3"/>
  </si>
  <si>
    <t>大阪市住吉区住吉2-9-109</t>
  </si>
  <si>
    <t xml:space="preserve">大阪市住吉区清水丘1-25-12 </t>
  </si>
  <si>
    <t>大阪市住吉区長居4-10-23</t>
  </si>
  <si>
    <t xml:space="preserve">大阪市住吉区長居東1-27-17 </t>
  </si>
  <si>
    <t>大阪市住吉区長居東3-15-14</t>
  </si>
  <si>
    <t>大阪市住吉区帝塚山西1-1-13</t>
  </si>
  <si>
    <t>大阪市住吉区帝塚山東3-8-15</t>
  </si>
  <si>
    <t>大阪市住吉区帝塚山東5-8-3</t>
  </si>
  <si>
    <t>大阪市平野区喜連東1-8-46</t>
  </si>
  <si>
    <t xml:space="preserve">大阪市平野区加美東4-20-20 </t>
  </si>
  <si>
    <t>大阪市西成区旭1-3-25</t>
  </si>
  <si>
    <t>医療法人　浩陽会</t>
    <rPh sb="0" eb="2">
      <t>イリョウ</t>
    </rPh>
    <rPh sb="2" eb="4">
      <t>ホウジン</t>
    </rPh>
    <rPh sb="5" eb="6">
      <t>ヒロシ</t>
    </rPh>
    <rPh sb="6" eb="7">
      <t>ヨウ</t>
    </rPh>
    <rPh sb="7" eb="8">
      <t>カイ</t>
    </rPh>
    <phoneticPr fontId="3"/>
  </si>
  <si>
    <t>医療法人　聖成会</t>
    <rPh sb="0" eb="2">
      <t>イリョウ</t>
    </rPh>
    <rPh sb="2" eb="4">
      <t>ホウジン</t>
    </rPh>
    <rPh sb="5" eb="6">
      <t>セイ</t>
    </rPh>
    <rPh sb="6" eb="7">
      <t>ナ</t>
    </rPh>
    <rPh sb="7" eb="8">
      <t>カイ</t>
    </rPh>
    <phoneticPr fontId="3"/>
  </si>
  <si>
    <t>医療法人　田中耳鼻咽喉科</t>
  </si>
  <si>
    <t>医療法人　森川医院</t>
  </si>
  <si>
    <t>医療法人　幸樹会</t>
  </si>
  <si>
    <t xml:space="preserve">大阪市中央区天満橋京町1-27 ﾌｧﾗﾝ天満橋6階 </t>
    <phoneticPr fontId="3"/>
  </si>
  <si>
    <t>大阪市中央区城見2-1-61 ﾂｲﾝ21MIDﾋﾞﾙ21階</t>
    <phoneticPr fontId="3"/>
  </si>
  <si>
    <t>大阪市東淀川区大桐2-20-10</t>
  </si>
  <si>
    <t>大阪市東淀川区淡路2-13-3</t>
  </si>
  <si>
    <t>大阪市東淀川区淡路4-4-10</t>
  </si>
  <si>
    <t>大阪市東淀川区豊新3-25-19</t>
  </si>
  <si>
    <t>大阪市旭区清水3-8-31</t>
  </si>
  <si>
    <t>大阪市旭区清水4-3-29</t>
  </si>
  <si>
    <t>大阪市旭区生江1-6-8</t>
  </si>
  <si>
    <t>大阪市旭区赤川2-14-5</t>
  </si>
  <si>
    <t>大阪市北区豊崎3-17-6</t>
  </si>
  <si>
    <t>大阪市北区本庄東1-24-8</t>
  </si>
  <si>
    <t>大阪市北区梅田3-3-45</t>
  </si>
  <si>
    <t>大阪市北区天神橋2-3-16</t>
  </si>
  <si>
    <t>大阪市都島区御幸町1-9-1</t>
  </si>
  <si>
    <t>大阪市都島区善源寺町2-3-25</t>
  </si>
  <si>
    <t>大阪市淀川区新高3-10-14</t>
    <phoneticPr fontId="3"/>
  </si>
  <si>
    <t>医療法人　あおばクリニック</t>
    <phoneticPr fontId="3"/>
  </si>
  <si>
    <t>大阪市北区梅田1-12-39 新阪急ﾋﾞﾙ内</t>
  </si>
  <si>
    <t>医療法人　新名眼科</t>
  </si>
  <si>
    <t>大阪市中央区天満橋京町1-1 京阪ｼﾃｨｰﾓｰﾙ7階</t>
    <phoneticPr fontId="3"/>
  </si>
  <si>
    <t>医療法人　かとう歯科</t>
  </si>
  <si>
    <t>医療法人　三輝会</t>
  </si>
  <si>
    <t>医療法人　春暁会</t>
  </si>
  <si>
    <t>医療法人　靖英会</t>
  </si>
  <si>
    <t>城東区</t>
    <rPh sb="0" eb="2">
      <t>ジョウトウ</t>
    </rPh>
    <phoneticPr fontId="3"/>
  </si>
  <si>
    <t>医療法人　真鈴会</t>
    <rPh sb="5" eb="6">
      <t>マ</t>
    </rPh>
    <rPh sb="6" eb="7">
      <t>スズ</t>
    </rPh>
    <rPh sb="7" eb="8">
      <t>カイ</t>
    </rPh>
    <phoneticPr fontId="3"/>
  </si>
  <si>
    <t>医療法人　小室歯科難波診療所</t>
  </si>
  <si>
    <t>医療法人　橋本医院</t>
  </si>
  <si>
    <t>医療法人　河野歯科</t>
  </si>
  <si>
    <t>医療法人　道意会</t>
  </si>
  <si>
    <t>大阪市阿倍野区王子町1-11-2</t>
  </si>
  <si>
    <t>大阪市阿倍野区阪南町5-17-4</t>
  </si>
  <si>
    <t>大阪市阿倍野区松虫通2-6-23</t>
  </si>
  <si>
    <t>大阪市住之江区安立1-1-10</t>
  </si>
  <si>
    <t>大阪市住之江区安立4-1-12</t>
  </si>
  <si>
    <t>大阪市住之江区御崎4-10-4</t>
  </si>
  <si>
    <t>医療法人　小歯会小高歯科医院</t>
    <phoneticPr fontId="3"/>
  </si>
  <si>
    <t>医療法人　ただクリニック</t>
  </si>
  <si>
    <t>大阪市東住吉区今川8-5-34 常磐ﾋﾞﾙ1階</t>
    <phoneticPr fontId="3"/>
  </si>
  <si>
    <t>大阪市東住吉区針中野3-12-19</t>
    <phoneticPr fontId="3"/>
  </si>
  <si>
    <t>大阪市東住吉区駒川5-8-2</t>
    <phoneticPr fontId="3"/>
  </si>
  <si>
    <t>大阪市東住吉区鷹合1-17-30</t>
  </si>
  <si>
    <t>大阪市東住吉区鷹合2-17-4</t>
  </si>
  <si>
    <t>大阪市東住吉区中野1-5-6</t>
  </si>
  <si>
    <t>大阪市城東区古市3-23-21</t>
  </si>
  <si>
    <t>大阪市平野区加美東4-7-21 高原ﾋﾞﾙ1階</t>
    <phoneticPr fontId="3"/>
  </si>
  <si>
    <t>大阪市平野区長吉長原4-1-6</t>
    <phoneticPr fontId="3"/>
  </si>
  <si>
    <t>大阪市平野区喜連東4-1-11 明浄ﾏﾝｼｮﾝ1階</t>
    <phoneticPr fontId="3"/>
  </si>
  <si>
    <t>医療法人　郁芳会</t>
  </si>
  <si>
    <t>医療法人　蛭間医院</t>
  </si>
  <si>
    <t>大阪市平野区長吉六反3-21-7</t>
  </si>
  <si>
    <t>大阪市平野区長吉六反3-4-20</t>
  </si>
  <si>
    <t>大阪市東住吉区山坂5-16-25 ﾊﾟｰﾙﾀｳﾝ鶴ヶ丘1階</t>
    <phoneticPr fontId="3"/>
  </si>
  <si>
    <t xml:space="preserve">大阪市平野区加美東1-8-24 文野ﾊｲﾂ1階 </t>
    <phoneticPr fontId="3"/>
  </si>
  <si>
    <t>大阪市平野区加美東4-11-15 ﾌﾟﾗｲﾑｶﾞｰﾃﾞﾝﾊｲﾂ1階</t>
    <phoneticPr fontId="3"/>
  </si>
  <si>
    <t>大阪市平野区長吉長原東3-1-71 ﾅｶﾞﾊﾗﾚｼﾞﾃﾞﾝｽ2階</t>
    <phoneticPr fontId="3"/>
  </si>
  <si>
    <t>大阪市平野区瓜破東2-7-55 ｻﾝﾋﾞﾚｯｼﾞ1階</t>
    <phoneticPr fontId="3"/>
  </si>
  <si>
    <t>医療法人　長浦小児科</t>
    <phoneticPr fontId="3"/>
  </si>
  <si>
    <t>大阪市鶴見区諸口3-1-21</t>
  </si>
  <si>
    <t>大阪市東住吉区湯里5-9-6</t>
  </si>
  <si>
    <t>大阪市平野区瓜破1-6-9</t>
  </si>
  <si>
    <t>大阪市平野区爪破東1-5-5</t>
  </si>
  <si>
    <t>医療法人　育和会</t>
  </si>
  <si>
    <t>医療法人　厚生会</t>
  </si>
  <si>
    <t>医療法人　育生会</t>
  </si>
  <si>
    <t>医療法人　貴和会</t>
  </si>
  <si>
    <t>医療法人　永寿会</t>
  </si>
  <si>
    <t>医療法人　吉田整形外科クリニック</t>
  </si>
  <si>
    <t>医療法人　岩狭歯科診療所</t>
  </si>
  <si>
    <t>医療法人　小杉整形外科</t>
  </si>
  <si>
    <t>大阪市東淀川区瑞光1-4-26</t>
  </si>
  <si>
    <t>大阪市東淀川区井高野1-1-29</t>
  </si>
  <si>
    <t>大阪市東淀川区井高野3-3-61</t>
  </si>
  <si>
    <t>大阪市東淀川区下新庄1-11-8</t>
  </si>
  <si>
    <t>大阪市東淀川区下新庄4-11-21</t>
  </si>
  <si>
    <t>大阪市東淀川区小松1-10-38</t>
  </si>
  <si>
    <t>医療法人　至誠歯科診療所</t>
  </si>
  <si>
    <t>医療法人　啓青会野々村クリニック</t>
  </si>
  <si>
    <t>大正区</t>
    <rPh sb="0" eb="2">
      <t>タイショウ</t>
    </rPh>
    <rPh sb="2" eb="3">
      <t>ク</t>
    </rPh>
    <phoneticPr fontId="3"/>
  </si>
  <si>
    <t>医療法人　光有会</t>
    <rPh sb="0" eb="2">
      <t>イリョウ</t>
    </rPh>
    <rPh sb="2" eb="4">
      <t>ホウジン</t>
    </rPh>
    <rPh sb="5" eb="6">
      <t>ヒカリ</t>
    </rPh>
    <rPh sb="6" eb="7">
      <t>ア</t>
    </rPh>
    <rPh sb="7" eb="8">
      <t>カイ</t>
    </rPh>
    <phoneticPr fontId="3"/>
  </si>
  <si>
    <t>医療法人　黒岡医院</t>
  </si>
  <si>
    <t>大阪市中央区心斎橋筋1-9-8 敬和ﾞﾋﾞﾙ5階</t>
    <rPh sb="16" eb="17">
      <t>ケイ</t>
    </rPh>
    <rPh sb="17" eb="18">
      <t>ワ</t>
    </rPh>
    <phoneticPr fontId="3"/>
  </si>
  <si>
    <t>医療法人　田辺耳鼻咽喉科医院</t>
  </si>
  <si>
    <t>医療法人　鄭クリニック</t>
  </si>
  <si>
    <t>医療法人　津本クリニック</t>
  </si>
  <si>
    <t>医療法人　白永会</t>
    <rPh sb="0" eb="2">
      <t>イリョウ</t>
    </rPh>
    <rPh sb="2" eb="4">
      <t>ホウジン</t>
    </rPh>
    <rPh sb="5" eb="6">
      <t>シロ</t>
    </rPh>
    <rPh sb="6" eb="8">
      <t>エイカイ</t>
    </rPh>
    <phoneticPr fontId="3"/>
  </si>
  <si>
    <t>大阪市中央区平野町2-1-2 沢の鶴ﾋﾞﾙ8階</t>
    <phoneticPr fontId="3"/>
  </si>
  <si>
    <t>大阪市中央区北浜2-1-14 北二ﾋﾞﾙ5階</t>
    <phoneticPr fontId="3"/>
  </si>
  <si>
    <t>大阪市生野区勝山南4-4-18 芥川病院内</t>
  </si>
  <si>
    <t>大阪市生野区勝山南4-6-5</t>
  </si>
  <si>
    <t>大阪市生野区小路2-14-5</t>
  </si>
  <si>
    <t>大阪市生野区新今里7-4-8</t>
  </si>
  <si>
    <t>大阪市生野区巽北3-20-29</t>
  </si>
  <si>
    <t>東淀川区</t>
    <phoneticPr fontId="3"/>
  </si>
  <si>
    <t>医療法人　前田こどもクリニック</t>
    <phoneticPr fontId="3"/>
  </si>
  <si>
    <t>大阪市東住吉区西今川1-6-16</t>
  </si>
  <si>
    <t>大阪市東住吉区鷹合3-16-18</t>
  </si>
  <si>
    <t>大阪市東住吉区湯里1-1-8</t>
  </si>
  <si>
    <t>大阪市東住吉区湯里6-14-14</t>
  </si>
  <si>
    <t>医療法人　紀光会</t>
  </si>
  <si>
    <t>医療法人　実恒会</t>
  </si>
  <si>
    <t>医療法人　松乃会</t>
  </si>
  <si>
    <t>医療法人　三寿会</t>
  </si>
  <si>
    <t>医療法人　岡田会</t>
  </si>
  <si>
    <t>医療法人　希望会</t>
  </si>
  <si>
    <t>医療法人　髙木眼科クリニック</t>
  </si>
  <si>
    <t>医療法人　粧歯会もり歯科医院</t>
  </si>
  <si>
    <t>医療法人　中城クリニック</t>
  </si>
  <si>
    <t>医療法人　思温会</t>
    <phoneticPr fontId="3"/>
  </si>
  <si>
    <t>医療法人　三健会</t>
  </si>
  <si>
    <t>医療法人　創歯会</t>
  </si>
  <si>
    <t>医療法人　健歯会</t>
  </si>
  <si>
    <t>大阪市都島区毛馬町3-2-2</t>
  </si>
  <si>
    <t>医療法人　ますたに呼吸器クリニック</t>
  </si>
  <si>
    <t>医療法人　美咲会</t>
  </si>
  <si>
    <t>医療法人　新医会</t>
  </si>
  <si>
    <t>医療法人　緑地会</t>
  </si>
  <si>
    <t>医療法人　清游会</t>
  </si>
  <si>
    <t>医療法人　恵聖会</t>
  </si>
  <si>
    <t>大阪市西区西本町1-10-3 新松岡ﾋﾞﾙ5階</t>
    <phoneticPr fontId="3"/>
  </si>
  <si>
    <t>大阪市西成区橘2-9-26</t>
  </si>
  <si>
    <t>大阪市東淀川区小松4-10-12</t>
  </si>
  <si>
    <t>医療法人　育笑会</t>
    <phoneticPr fontId="3"/>
  </si>
  <si>
    <t>大阪市西成区天下茶屋3-18-25</t>
    <phoneticPr fontId="3"/>
  </si>
  <si>
    <t>医療法人　吉治会</t>
    <phoneticPr fontId="3"/>
  </si>
  <si>
    <t>大阪市東淀川区下新庄5-2-19 下新庄ﾌﾗﾜｰﾋﾞﾙ2階</t>
    <phoneticPr fontId="3"/>
  </si>
  <si>
    <t>医療法人　若松医院</t>
  </si>
  <si>
    <t>医療法人　土居整形外科医院</t>
  </si>
  <si>
    <t>医療法人　谷村会</t>
  </si>
  <si>
    <t>医療法人　宏和会</t>
  </si>
  <si>
    <t>医療法人　渓雲</t>
  </si>
  <si>
    <t>医療法人　健永会</t>
  </si>
  <si>
    <t>浪速区</t>
  </si>
  <si>
    <t>大阪市西区新町1-22-23</t>
  </si>
  <si>
    <t>大阪市西区南堀江4-10-1</t>
  </si>
  <si>
    <t>医療法人　正有会</t>
    <rPh sb="5" eb="6">
      <t>タダ</t>
    </rPh>
    <rPh sb="6" eb="7">
      <t>ア</t>
    </rPh>
    <rPh sb="7" eb="8">
      <t>カイ</t>
    </rPh>
    <phoneticPr fontId="3"/>
  </si>
  <si>
    <t>医療法人　遼蓮会</t>
    <rPh sb="5" eb="6">
      <t>リョウ</t>
    </rPh>
    <rPh sb="6" eb="7">
      <t>レン</t>
    </rPh>
    <rPh sb="7" eb="8">
      <t>カイ</t>
    </rPh>
    <phoneticPr fontId="3"/>
  </si>
  <si>
    <t>医療法人　みつば会</t>
    <rPh sb="8" eb="9">
      <t>カイ</t>
    </rPh>
    <phoneticPr fontId="3"/>
  </si>
  <si>
    <t>医療法人　天方会</t>
    <rPh sb="5" eb="7">
      <t>アマカタ</t>
    </rPh>
    <rPh sb="7" eb="8">
      <t>カイ</t>
    </rPh>
    <phoneticPr fontId="3"/>
  </si>
  <si>
    <t>大阪市淀川区新高6-14-13 ｴﾚｶﾞﾝﾃｾﾌﾞﾝﾜﾝ2階</t>
  </si>
  <si>
    <t>大阪市西淀川区柏里2-2-12</t>
  </si>
  <si>
    <t>大阪市北区浪花町8-14</t>
  </si>
  <si>
    <t xml:space="preserve">大阪市北区本庄東1-22-1 </t>
  </si>
  <si>
    <t>大阪市都島区善源寺町1-5-54</t>
  </si>
  <si>
    <t>大阪市天王寺区国分町5-7 藤田ﾋﾞﾙ</t>
    <phoneticPr fontId="3"/>
  </si>
  <si>
    <t>医療法人　恵歯会</t>
  </si>
  <si>
    <t>医療法人　岩井医院</t>
  </si>
  <si>
    <t>医療法人　岩本整形外科</t>
  </si>
  <si>
    <t>大阪市平野区流町4-10-10</t>
  </si>
  <si>
    <t>大阪市西成区岸里3-10-9</t>
  </si>
  <si>
    <t>大阪市西成区松1-1-31</t>
  </si>
  <si>
    <t>大阪市西成区天下茶屋1-18-24</t>
  </si>
  <si>
    <t>大阪市西成区天下茶屋北2-5-15</t>
  </si>
  <si>
    <t>大阪市阿倍野区昭和町3-10-20</t>
  </si>
  <si>
    <t>大阪市北区梅田1-3-1-200 大阪駅前第1ﾋﾞﾙ2階51号</t>
    <rPh sb="30" eb="31">
      <t>ゴウ</t>
    </rPh>
    <phoneticPr fontId="3"/>
  </si>
  <si>
    <t>大阪市阿倍野区王子町2-12-14</t>
  </si>
  <si>
    <t>大阪市城東区野江4-1-8 ｺｽﾓﾃｰﾙ城北202号</t>
    <rPh sb="25" eb="26">
      <t>ゴウ</t>
    </rPh>
    <phoneticPr fontId="3"/>
  </si>
  <si>
    <t>医療法人　森沢クリニック</t>
  </si>
  <si>
    <t>医療法人　天斗会中山医院</t>
    <rPh sb="8" eb="10">
      <t>ナカヤマ</t>
    </rPh>
    <rPh sb="10" eb="12">
      <t>イイン</t>
    </rPh>
    <phoneticPr fontId="3"/>
  </si>
  <si>
    <t>大阪市港区市岡元町2-4-16</t>
    <phoneticPr fontId="3"/>
  </si>
  <si>
    <t xml:space="preserve">大阪市西成区潮路1-10-3 南米ﾋﾞﾙ1階 </t>
    <phoneticPr fontId="3"/>
  </si>
  <si>
    <t>大阪市住之江区中加賀屋2-6-8</t>
    <rPh sb="0" eb="3">
      <t>オオサカシ</t>
    </rPh>
    <rPh sb="3" eb="7">
      <t>スミノエク</t>
    </rPh>
    <rPh sb="7" eb="8">
      <t>ナカ</t>
    </rPh>
    <rPh sb="8" eb="11">
      <t>カガヤ</t>
    </rPh>
    <phoneticPr fontId="1"/>
  </si>
  <si>
    <t>医療法人　のぞみ会</t>
  </si>
  <si>
    <t>医療法人　裕弘会</t>
  </si>
  <si>
    <t>北区</t>
    <rPh sb="0" eb="1">
      <t>キタ</t>
    </rPh>
    <phoneticPr fontId="3"/>
  </si>
  <si>
    <t>医療法人　佑克会</t>
  </si>
  <si>
    <t>医療法人　優彩会</t>
  </si>
  <si>
    <t>医療法人　秋桜会</t>
    <rPh sb="5" eb="6">
      <t>アキ</t>
    </rPh>
    <rPh sb="6" eb="7">
      <t>サクラ</t>
    </rPh>
    <rPh sb="7" eb="8">
      <t>カイ</t>
    </rPh>
    <phoneticPr fontId="3"/>
  </si>
  <si>
    <t>都島区</t>
    <rPh sb="0" eb="2">
      <t>ミヤコジマ</t>
    </rPh>
    <phoneticPr fontId="3"/>
  </si>
  <si>
    <t>医療法人　東歯科診療所</t>
  </si>
  <si>
    <t>医療法人　生樹会</t>
  </si>
  <si>
    <t>医療法人　藤井こどもクリニック</t>
  </si>
  <si>
    <t>医療法人　中山クリニック</t>
  </si>
  <si>
    <t>医療法人　中田内科</t>
  </si>
  <si>
    <t>医療法人　曙光会</t>
  </si>
  <si>
    <t>医療法人　杉岡内科医院</t>
  </si>
  <si>
    <t>医療法人　森下眼科</t>
  </si>
  <si>
    <t>医療法人　金子外科</t>
  </si>
  <si>
    <t>医療法人　岡部内科</t>
  </si>
  <si>
    <t>大阪市生野区田島4-2-1</t>
  </si>
  <si>
    <t>大阪市旭区新森2-24-20</t>
  </si>
  <si>
    <t>大阪市旭区千林2-4-22</t>
  </si>
  <si>
    <t>大阪市城東区中央1-7-22</t>
  </si>
  <si>
    <t>大阪市城東区東中浜1-2-23</t>
  </si>
  <si>
    <t>大阪市鶴見区横堤3-10-18</t>
  </si>
  <si>
    <t>医療法人　翠生会</t>
    <rPh sb="5" eb="6">
      <t>ミドリ</t>
    </rPh>
    <rPh sb="6" eb="7">
      <t>イ</t>
    </rPh>
    <rPh sb="7" eb="8">
      <t>カイ</t>
    </rPh>
    <phoneticPr fontId="3"/>
  </si>
  <si>
    <t>医療法人　秀明会</t>
  </si>
  <si>
    <t>医療法人　旭胤会</t>
  </si>
  <si>
    <t>医療法人　はせべ医院</t>
  </si>
  <si>
    <t>医療法人　久保田医院</t>
  </si>
  <si>
    <t>東住吉区</t>
    <rPh sb="0" eb="1">
      <t>ヒガシ</t>
    </rPh>
    <rPh sb="1" eb="2">
      <t>オオヒガシ</t>
    </rPh>
    <phoneticPr fontId="3"/>
  </si>
  <si>
    <t>城東区</t>
    <rPh sb="0" eb="2">
      <t>ジョウトウ</t>
    </rPh>
    <rPh sb="1" eb="2">
      <t>オオシロ</t>
    </rPh>
    <phoneticPr fontId="3"/>
  </si>
  <si>
    <t>医療法人　河診療所</t>
  </si>
  <si>
    <t>医療法人　西井クリニック</t>
  </si>
  <si>
    <t>医療法人　聖明会</t>
  </si>
  <si>
    <t>医療法人　一真会</t>
  </si>
  <si>
    <t>医療法人　圭香会</t>
  </si>
  <si>
    <t>医療法人　よこいクリニック</t>
    <rPh sb="0" eb="2">
      <t>イリョウ</t>
    </rPh>
    <rPh sb="2" eb="4">
      <t>ホウジン</t>
    </rPh>
    <phoneticPr fontId="3"/>
  </si>
  <si>
    <t>医療法人　医心会</t>
  </si>
  <si>
    <t>大阪市鶴見区諸口4-7-11 ﾒｿﾞﾝ交楽園1階</t>
    <phoneticPr fontId="3"/>
  </si>
  <si>
    <t>大阪市鶴見区横堤2-23-7 NYPﾋﾞﾙ5階</t>
    <phoneticPr fontId="3"/>
  </si>
  <si>
    <t>医療法人　弘生会</t>
  </si>
  <si>
    <t>医療法人　西平診療所</t>
  </si>
  <si>
    <t>大阪市阿倍野区阿倍野筋3-12-10</t>
  </si>
  <si>
    <t>大阪市阿倍野区阪南町1-49-2</t>
  </si>
  <si>
    <t>大阪市住之江区浜口西3-5-10</t>
  </si>
  <si>
    <t>医療法人　栗原医院</t>
  </si>
  <si>
    <t>大阪市北区梅田2-4-36 上島ﾋﾞﾙ2階</t>
  </si>
  <si>
    <t>大阪市西区九条1-12-21</t>
  </si>
  <si>
    <t>大阪市西区九条1-13-11</t>
  </si>
  <si>
    <t>大阪市西区九条1-14-27</t>
  </si>
  <si>
    <t>大阪市西区九条3-20-14</t>
  </si>
  <si>
    <t>大阪市西区九条南2-32-7</t>
  </si>
  <si>
    <t>医療法人　花実会</t>
    <rPh sb="5" eb="6">
      <t>ハナ</t>
    </rPh>
    <rPh sb="6" eb="7">
      <t>ミ</t>
    </rPh>
    <rPh sb="7" eb="8">
      <t>カイ</t>
    </rPh>
    <phoneticPr fontId="3"/>
  </si>
  <si>
    <t>大阪市西淀川区姫里1-22-23</t>
  </si>
  <si>
    <t>大阪市西淀川区御幣島3-3-3</t>
  </si>
  <si>
    <t>大阪市淀川区西宮原1-8-24 新大阪第3ﾄﾞｲﾋﾞﾙ4階</t>
  </si>
  <si>
    <t>医療法人　白水会</t>
  </si>
  <si>
    <t>医療法人　西川医院</t>
  </si>
  <si>
    <t>医療法人　平山クリニック</t>
  </si>
  <si>
    <t>医療法人　菱川クリニック</t>
  </si>
  <si>
    <t>医療法人　越田クリニック</t>
  </si>
  <si>
    <t>医療法人　さたクリニック</t>
  </si>
  <si>
    <t>医療法人　泉野医院</t>
  </si>
  <si>
    <t>医療法人　仁恵会</t>
  </si>
  <si>
    <t>医療法人　細江クリニック</t>
  </si>
  <si>
    <t>医療法人　大野クリニック</t>
  </si>
  <si>
    <t>大阪市東淀川区井高野2-5-8 井高野中央ﾋﾞﾙ2階</t>
    <phoneticPr fontId="3"/>
  </si>
  <si>
    <t>大阪市東淀川区瑞光1-7-18 ﾌﾞﾛｯｻﾑ瑞光</t>
    <phoneticPr fontId="3"/>
  </si>
  <si>
    <t>医療法人　英樹会</t>
    <phoneticPr fontId="3"/>
  </si>
  <si>
    <t>医療法人　吉栄会</t>
    <rPh sb="5" eb="6">
      <t>キチ</t>
    </rPh>
    <rPh sb="6" eb="7">
      <t>エイ</t>
    </rPh>
    <phoneticPr fontId="3"/>
  </si>
  <si>
    <t>医療法人　義方会</t>
  </si>
  <si>
    <t>医療法人　住之江厚生会</t>
  </si>
  <si>
    <t>医療法人　添田歯科診療所</t>
  </si>
  <si>
    <t xml:space="preserve">大阪市鶴見区横堤1-12-6 </t>
  </si>
  <si>
    <t xml:space="preserve">大阪市鶴見区放出東3-6-9 </t>
  </si>
  <si>
    <t>大阪市天王寺区勝山3-1-18</t>
  </si>
  <si>
    <t>大阪市天王寺区上本町5-6-9</t>
  </si>
  <si>
    <t>医療法人　成宏会　伊藤外科・整形外科</t>
  </si>
  <si>
    <t>医療法人　菅澤眼科医院</t>
  </si>
  <si>
    <t>大阪市城東区東中浜2-7-5</t>
  </si>
  <si>
    <t>大阪市城東区東中浜3-4-1</t>
  </si>
  <si>
    <t>大阪市城東区東中浜6-8-16</t>
  </si>
  <si>
    <t>大阪市城東区今福西1-3-3  橋本ﾋﾞﾙ3階</t>
  </si>
  <si>
    <t>大阪市城東区今福西2-10-18</t>
  </si>
  <si>
    <t xml:space="preserve">大阪市東成区東小橋1-5-6 </t>
  </si>
  <si>
    <t>大阪市東成区東小橋3-17-7</t>
  </si>
  <si>
    <t>大阪市東成区東小橋3-8-9</t>
  </si>
  <si>
    <t>大阪市東住吉区駒川3-27-28</t>
  </si>
  <si>
    <t>大阪市阿倍野区美章園3-3-10</t>
    <phoneticPr fontId="3"/>
  </si>
  <si>
    <t>医療法人　伊原クリニック</t>
    <rPh sb="0" eb="2">
      <t>イリョウ</t>
    </rPh>
    <rPh sb="2" eb="4">
      <t>ホウジン</t>
    </rPh>
    <rPh sb="5" eb="7">
      <t>イハラ</t>
    </rPh>
    <phoneticPr fontId="5"/>
  </si>
  <si>
    <t>大阪市東住吉区住道矢田1-25-5</t>
  </si>
  <si>
    <t>医療法人　澤田医院</t>
  </si>
  <si>
    <t>大阪市生野区巽中1-21-18</t>
  </si>
  <si>
    <t>大阪市生野区巽南3-18-28-102</t>
  </si>
  <si>
    <t>医療法人　笹川皮膚科</t>
  </si>
  <si>
    <t>医療法人　仁神会</t>
  </si>
  <si>
    <t>大阪市住吉区山之内3-2-6</t>
  </si>
  <si>
    <t>大阪市住吉区住吉1-10-24</t>
  </si>
  <si>
    <t>大阪市住吉区杉本2-20-10</t>
  </si>
  <si>
    <t>大阪市住吉区長居3-12-19</t>
  </si>
  <si>
    <t>医療法人　宮下医院</t>
  </si>
  <si>
    <t>医療法人　山内診療所</t>
  </si>
  <si>
    <t>医療法人　宇野眼科</t>
  </si>
  <si>
    <t>医療法人　林診療所</t>
  </si>
  <si>
    <t>医療法人　井上医院</t>
  </si>
  <si>
    <t>医療法人　純歯会</t>
  </si>
  <si>
    <t>医療法人　健彩会</t>
  </si>
  <si>
    <t>大阪市北区芝田2-1-18 西阪急ﾋﾞﾙ地下1階</t>
    <phoneticPr fontId="3"/>
  </si>
  <si>
    <t>大阪市北区角田町8-47 阪急ｸﾞﾗﾝﾄﾞﾋﾞﾙ22階</t>
    <phoneticPr fontId="3"/>
  </si>
  <si>
    <t>大阪市都島区東野田町1-21-7</t>
    <phoneticPr fontId="3"/>
  </si>
  <si>
    <t>大阪市天王寺区堀越町6-10 大信ﾋﾞﾙ7､8階</t>
    <phoneticPr fontId="3"/>
  </si>
  <si>
    <t>医療法人　出真会</t>
    <rPh sb="0" eb="2">
      <t>イリョウ</t>
    </rPh>
    <rPh sb="2" eb="4">
      <t>ホウジン</t>
    </rPh>
    <rPh sb="5" eb="6">
      <t>デ</t>
    </rPh>
    <rPh sb="6" eb="7">
      <t>マコト</t>
    </rPh>
    <rPh sb="7" eb="8">
      <t>カイ</t>
    </rPh>
    <phoneticPr fontId="3"/>
  </si>
  <si>
    <t>医療法人　村野会</t>
  </si>
  <si>
    <t>医療法人　会陽会</t>
  </si>
  <si>
    <t>医療法人　仲間耳鼻咽喉科</t>
  </si>
  <si>
    <t>医療法人　純和会竹本診療所</t>
  </si>
  <si>
    <t>医療法人　中川歯科医院</t>
  </si>
  <si>
    <t>大阪市鶴見区横堤5-5-60</t>
    <rPh sb="6" eb="7">
      <t>ヨコ</t>
    </rPh>
    <rPh sb="7" eb="8">
      <t>ツツミ</t>
    </rPh>
    <phoneticPr fontId="3"/>
  </si>
  <si>
    <t>医療法人　耳鼻咽喉科田中医院</t>
  </si>
  <si>
    <t>医療法人　皮膚科寺前診療所</t>
  </si>
  <si>
    <t>医療法人　西出医院</t>
  </si>
  <si>
    <t>淀川区</t>
    <rPh sb="0" eb="3">
      <t>ヨドガワク</t>
    </rPh>
    <phoneticPr fontId="3"/>
  </si>
  <si>
    <t>浪速区</t>
    <rPh sb="0" eb="3">
      <t>ナニワク</t>
    </rPh>
    <phoneticPr fontId="3"/>
  </si>
  <si>
    <t>医療法人　吉岡歯科医院</t>
  </si>
  <si>
    <t>医療法人　若葉会</t>
  </si>
  <si>
    <t>医療法人　加野医院</t>
  </si>
  <si>
    <t>医療法人　皓貴会</t>
  </si>
  <si>
    <t>医療法人　健英会</t>
  </si>
  <si>
    <t>医療法人　彩真会</t>
  </si>
  <si>
    <t>大阪市福島区海老江2-1-36</t>
  </si>
  <si>
    <t>大阪市福島区吉野2-10-11</t>
  </si>
  <si>
    <t>大阪市中央区高津3-2-22</t>
  </si>
  <si>
    <t>大阪市東住吉区照ヶ丘矢田1-10-15</t>
  </si>
  <si>
    <t>大阪市東住吉区照ｹ丘矢田1-11-22</t>
  </si>
  <si>
    <t>大阪市東住吉区照ヶ丘矢田3-1-2</t>
  </si>
  <si>
    <t>医療法人　仁生会</t>
  </si>
  <si>
    <t>医療法人　仁志会</t>
  </si>
  <si>
    <t>医療法人　新明会</t>
  </si>
  <si>
    <t>医療法人　仁和会</t>
  </si>
  <si>
    <t>医療法人　瑞穂会</t>
  </si>
  <si>
    <t>医療法人　秀光会</t>
  </si>
  <si>
    <t>旭区</t>
    <rPh sb="0" eb="1">
      <t>アサヒ</t>
    </rPh>
    <rPh sb="1" eb="2">
      <t>ク</t>
    </rPh>
    <phoneticPr fontId="3"/>
  </si>
  <si>
    <t>大阪市阿倍野区阪南町3-6-19</t>
  </si>
  <si>
    <t>大阪市阿倍野区阪南町5-24-20</t>
  </si>
  <si>
    <t>大阪市阿倍野区三明町2-9-27</t>
  </si>
  <si>
    <t>大阪市阿倍野区昭和町5-11-13</t>
  </si>
  <si>
    <t xml:space="preserve">大阪市阿倍野区昭和町5-8-1 </t>
  </si>
  <si>
    <t>大阪市阿倍野区晴明通11-7</t>
  </si>
  <si>
    <t>大阪市阿倍野区西田辺町2-8-2</t>
  </si>
  <si>
    <t>大阪市東住吉区杭全5-8-15</t>
  </si>
  <si>
    <t>大阪市淀川区西中島6-11-31</t>
  </si>
  <si>
    <t>大阪市淀川区西中島6-8-12</t>
  </si>
  <si>
    <t>大阪市淀川区塚本1-19-26</t>
  </si>
  <si>
    <t>大阪市淀川区塚本2-17-8</t>
  </si>
  <si>
    <t>大阪市淀川区塚本2-18-3</t>
  </si>
  <si>
    <t>医療法人　心明会</t>
  </si>
  <si>
    <t>医療法人　健友会</t>
  </si>
  <si>
    <t>医療法人　慈勉会</t>
  </si>
  <si>
    <t>医療法人　秀壮会</t>
  </si>
  <si>
    <t>医療法人　千寿会ヒグチ外科</t>
  </si>
  <si>
    <t>医療法人　はまだ医院</t>
  </si>
  <si>
    <t>医療法人　太子会</t>
  </si>
  <si>
    <t>医療法人　和泉医院</t>
  </si>
  <si>
    <t>医療法人　島田内科</t>
  </si>
  <si>
    <t>医療法人　呉家整形外科</t>
  </si>
  <si>
    <t>医療法人　坂口診療所</t>
  </si>
  <si>
    <t>医療法人　社団皓歯会</t>
  </si>
  <si>
    <t xml:space="preserve">大阪市住之江区御崎5-2-21 </t>
  </si>
  <si>
    <t>大阪市住之江区新北島1-9-23</t>
  </si>
  <si>
    <t>大阪市住之江区西加賀屋3-13-19</t>
  </si>
  <si>
    <t>医療法人　佐久間医院</t>
  </si>
  <si>
    <t>医療法人　斎藤整形外科医院</t>
  </si>
  <si>
    <t>医療法人　裕心会</t>
  </si>
  <si>
    <t>医療法人　呉診療所</t>
  </si>
  <si>
    <t>医療法人　川島会</t>
  </si>
  <si>
    <t>医療法人　尚歯会</t>
  </si>
  <si>
    <t>医療法人　社団創生会</t>
  </si>
  <si>
    <t>医療法人　浅田医院</t>
  </si>
  <si>
    <t xml:space="preserve">大阪市港区弁天1-3-3 ｸﾛｽｼﾃｨ弁天町2階 </t>
    <phoneticPr fontId="3"/>
  </si>
  <si>
    <t>大阪市天王寺区味原町13-11-2 味原ﾄｰﾀﾙﾗｲﾌ7階</t>
    <phoneticPr fontId="3"/>
  </si>
  <si>
    <t>医療法人　むらさき歯科医院</t>
  </si>
  <si>
    <t>大阪市生野区巽中2-25-28</t>
    <phoneticPr fontId="3"/>
  </si>
  <si>
    <t>大阪市此花区伝法2-4-4</t>
  </si>
  <si>
    <t>大阪市此花区伝法6-3-2-101</t>
  </si>
  <si>
    <t>大阪市西成区山王1-1-15</t>
  </si>
  <si>
    <t>医療法人　阪友会</t>
  </si>
  <si>
    <t>医療法人　岩田レディースクリニック</t>
  </si>
  <si>
    <t>医療法人　古東整形外科</t>
  </si>
  <si>
    <t>大阪市旭区新森5-4-10</t>
  </si>
  <si>
    <t>大阪市旭区新森5-8-14</t>
  </si>
  <si>
    <t>大阪市旭区新森7-1-4</t>
  </si>
  <si>
    <t>大阪市阿倍野区王子町4-3-22</t>
  </si>
  <si>
    <t xml:space="preserve">大阪市西成区千本南1-2-20 </t>
    <phoneticPr fontId="3"/>
  </si>
  <si>
    <t>大阪市西成区花園北2-15-29</t>
  </si>
  <si>
    <t>大阪市西成区岸里2-3-4</t>
  </si>
  <si>
    <t>大阪市西成区岸里東1-8-11</t>
  </si>
  <si>
    <t>大阪市西成区岸里東2-13-11</t>
  </si>
  <si>
    <t>大阪市西成区岸里東2-15-11</t>
  </si>
  <si>
    <t>医療法人　メディカル春日会革嶋クリニック</t>
  </si>
  <si>
    <t>医療法人　祐朋会</t>
  </si>
  <si>
    <t>医療法人　桑江クリニック</t>
  </si>
  <si>
    <t>医療法人　啓松会</t>
  </si>
  <si>
    <t>医療法人　佳和会</t>
  </si>
  <si>
    <t>医療法人　まえだクリニック</t>
  </si>
  <si>
    <t>医療法人　平山整形外科</t>
  </si>
  <si>
    <t>医療法人　武内医院</t>
  </si>
  <si>
    <t>医療法人　山本整形外科</t>
  </si>
  <si>
    <t>医療法人　中村医院</t>
  </si>
  <si>
    <t>医療法人　長原会</t>
  </si>
  <si>
    <t>医療法人　中田クリニック</t>
  </si>
  <si>
    <t>医療法人　中村クリニック</t>
  </si>
  <si>
    <t>医療法人　中谷歯科診療所</t>
  </si>
  <si>
    <t>医療法人　内藤外科整形外科医院</t>
  </si>
  <si>
    <t>大阪市住之江区西住之江3-1-21</t>
  </si>
  <si>
    <t>大阪市都島区都島本通2-16-11</t>
  </si>
  <si>
    <t>大阪市都島区都島本通4-20-35</t>
  </si>
  <si>
    <t>大阪市平野区瓜破1-2-52</t>
  </si>
  <si>
    <t xml:space="preserve">大阪市住吉区清水丘3-10-4 </t>
  </si>
  <si>
    <t>医療法人　林歯科医院</t>
  </si>
  <si>
    <t>大阪市淀川区西三国2-2-27 三木ﾋﾞﾙ1階､2階</t>
  </si>
  <si>
    <t>医療法人　牟田会</t>
  </si>
  <si>
    <t>医療法人　湖崎会</t>
  </si>
  <si>
    <t>医療法人　平山診療所</t>
  </si>
  <si>
    <t>医療法人　陽光会</t>
  </si>
  <si>
    <t>大阪市城東区蒲生2-9-7</t>
  </si>
  <si>
    <t>大阪市城東区蒲生4-1-22</t>
  </si>
  <si>
    <t>大阪市城東区関目1-13-17</t>
  </si>
  <si>
    <t>医療法人　理秀会</t>
    <rPh sb="5" eb="7">
      <t>ミチヒデ</t>
    </rPh>
    <rPh sb="7" eb="8">
      <t>カイ</t>
    </rPh>
    <phoneticPr fontId="3"/>
  </si>
  <si>
    <t>大阪市都島区東野田町5-2-23 京橋ｾﾝﾄﾗﾙﾋﾞﾙ2階</t>
    <phoneticPr fontId="3"/>
  </si>
  <si>
    <t>大阪市都島区東野田町4-8-4</t>
  </si>
  <si>
    <t>大阪市都島区東野田町4-9-14</t>
  </si>
  <si>
    <t>大阪市都島区東野田町5-5-8</t>
  </si>
  <si>
    <t xml:space="preserve">大阪市東淀川区瑞光4-1-18 </t>
  </si>
  <si>
    <t xml:space="preserve">大阪市東淀川区大桐1-7-16 </t>
  </si>
  <si>
    <t>医療法人　双葉会</t>
  </si>
  <si>
    <t>大阪市生野区中川2-9-32</t>
  </si>
  <si>
    <t>大阪市生野区中川4-2-21</t>
  </si>
  <si>
    <t>大阪市阿倍野区阿倍野元町2-10</t>
  </si>
  <si>
    <t>大阪市阿倍野区阿倍野元町5-22</t>
  </si>
  <si>
    <t>医療法人　河南医院</t>
    <rPh sb="5" eb="6">
      <t>カワ</t>
    </rPh>
    <rPh sb="6" eb="7">
      <t>ミナミ</t>
    </rPh>
    <phoneticPr fontId="3"/>
  </si>
  <si>
    <t>医療法人　尾辻会</t>
  </si>
  <si>
    <t>大阪市淀川区三津屋北1-33-15 ｺｰﾎﾟ神崎川101号</t>
    <rPh sb="28" eb="29">
      <t>ゴウ</t>
    </rPh>
    <phoneticPr fontId="3"/>
  </si>
  <si>
    <t>大阪市城東区東中浜3-3-4</t>
  </si>
  <si>
    <t>医療法人　福愛会</t>
    <phoneticPr fontId="3"/>
  </si>
  <si>
    <t>大阪市都島区大東町1-9-1</t>
    <phoneticPr fontId="3"/>
  </si>
  <si>
    <t>医療法人　健成会</t>
  </si>
  <si>
    <t>医療法人　健仁会塩田クリニック</t>
  </si>
  <si>
    <t>医療法人　慶元クリニック</t>
  </si>
  <si>
    <t>医療法人　藤原歯科医院</t>
  </si>
  <si>
    <t>医療法人　別所歯科医院</t>
  </si>
  <si>
    <t>医療法人　共和会</t>
    <rPh sb="0" eb="2">
      <t>イリョウ</t>
    </rPh>
    <rPh sb="2" eb="4">
      <t>ホウジン</t>
    </rPh>
    <rPh sb="5" eb="7">
      <t>キョウワ</t>
    </rPh>
    <rPh sb="7" eb="8">
      <t>カイ</t>
    </rPh>
    <phoneticPr fontId="3"/>
  </si>
  <si>
    <t>医療法人　近藤小児科クリニック</t>
  </si>
  <si>
    <t>医療法人　泰恵会</t>
    <rPh sb="0" eb="2">
      <t>イリョウ</t>
    </rPh>
    <rPh sb="2" eb="4">
      <t>ホウジン</t>
    </rPh>
    <rPh sb="5" eb="6">
      <t>タイ</t>
    </rPh>
    <rPh sb="6" eb="7">
      <t>ケイ</t>
    </rPh>
    <rPh sb="7" eb="8">
      <t>カイ</t>
    </rPh>
    <phoneticPr fontId="3"/>
  </si>
  <si>
    <t>大阪市平野区平野上町1-17-22</t>
  </si>
  <si>
    <t>大阪市平野区平野南1-10-24</t>
  </si>
  <si>
    <t>大阪市平野区平野本町1-6-12</t>
  </si>
  <si>
    <t>大阪市平野区平野本町2-10-5</t>
  </si>
  <si>
    <t>医療法人　安住医院</t>
  </si>
  <si>
    <t>医療法人　篤仁会</t>
  </si>
  <si>
    <t>医療法人　豊歯科医院</t>
  </si>
  <si>
    <t>医療法人　山紀会</t>
  </si>
  <si>
    <t>医療法人　圓生会</t>
  </si>
  <si>
    <t>大阪市中央区上本町西5-3-9</t>
  </si>
  <si>
    <t>医療法人　青葉会</t>
  </si>
  <si>
    <t>医療法人　浅井皮膚科</t>
  </si>
  <si>
    <t>医療法人　つとむ会澤田内科医院</t>
  </si>
  <si>
    <t>医療法人　にしたに腎・泌尿器クリニック</t>
    <rPh sb="0" eb="2">
      <t>イリョウ</t>
    </rPh>
    <rPh sb="2" eb="4">
      <t>ホウジン</t>
    </rPh>
    <rPh sb="9" eb="10">
      <t>ジン</t>
    </rPh>
    <rPh sb="11" eb="14">
      <t>ヒニョウキ</t>
    </rPh>
    <phoneticPr fontId="3"/>
  </si>
  <si>
    <t>医療法人　上本町ヒルズ歯科クリニック</t>
    <rPh sb="0" eb="2">
      <t>イリョウ</t>
    </rPh>
    <rPh sb="2" eb="4">
      <t>ホウジン</t>
    </rPh>
    <rPh sb="5" eb="8">
      <t>ウエホンマチ</t>
    </rPh>
    <rPh sb="11" eb="13">
      <t>シカ</t>
    </rPh>
    <phoneticPr fontId="3"/>
  </si>
  <si>
    <t>大阪市東住吉区中野4-10-5</t>
  </si>
  <si>
    <t>大阪市東住吉区田辺3-23-1</t>
  </si>
  <si>
    <t>大阪市東住吉区田辺3-5-6</t>
  </si>
  <si>
    <t>大阪市生野区勝山北2-2-3</t>
  </si>
  <si>
    <t>大阪市中央区難波2-1-2 太陽生命難波ﾋﾞﾙ6階</t>
    <phoneticPr fontId="3"/>
  </si>
  <si>
    <t>医療法人　愛生会</t>
  </si>
  <si>
    <t>医療法人　正祥会</t>
  </si>
  <si>
    <t>医療法人　健裕会</t>
  </si>
  <si>
    <t>医療法人　よつば会</t>
  </si>
  <si>
    <t>医療法人　石井クリニック</t>
  </si>
  <si>
    <t>医療法人　青洲会</t>
  </si>
  <si>
    <t>医療法人　焦クリニック</t>
  </si>
  <si>
    <t>医療法人　篠原医院</t>
  </si>
  <si>
    <t>大阪市西区江戸堀1-15-27 ｱﾙﾃﾋﾞﾙ肥後橋2階</t>
    <phoneticPr fontId="3"/>
  </si>
  <si>
    <t>医療法人　正宥会</t>
    <rPh sb="5" eb="6">
      <t>セイ</t>
    </rPh>
    <rPh sb="6" eb="7">
      <t>ユウ</t>
    </rPh>
    <rPh sb="7" eb="8">
      <t>カイ</t>
    </rPh>
    <phoneticPr fontId="5"/>
  </si>
  <si>
    <t xml:space="preserve">医療法人　新生会 </t>
    <rPh sb="5" eb="7">
      <t>シンセイ</t>
    </rPh>
    <phoneticPr fontId="3"/>
  </si>
  <si>
    <t>港区</t>
    <rPh sb="0" eb="2">
      <t>ミナトク</t>
    </rPh>
    <phoneticPr fontId="3"/>
  </si>
  <si>
    <t>医療法人　誠昌会</t>
    <rPh sb="5" eb="6">
      <t>セイ</t>
    </rPh>
    <rPh sb="6" eb="7">
      <t>ショウ</t>
    </rPh>
    <phoneticPr fontId="3"/>
  </si>
  <si>
    <t>大阪市住吉区長居2-11-15</t>
    <rPh sb="3" eb="6">
      <t>スミヨシク</t>
    </rPh>
    <rPh sb="6" eb="8">
      <t>ナガイ</t>
    </rPh>
    <phoneticPr fontId="3"/>
  </si>
  <si>
    <t>大阪市北区天神橋2 北ｽﾃｯﾌﾟｲﾝ南森町ﾋﾞﾙ2階</t>
    <phoneticPr fontId="3"/>
  </si>
  <si>
    <t>大阪市北区角田町8-47 阪急ｸﾞﾗﾝﾄﾞﾋﾞﾙ22階</t>
  </si>
  <si>
    <t>医療法人　貴綾会</t>
    <rPh sb="5" eb="6">
      <t>キ</t>
    </rPh>
    <rPh sb="6" eb="7">
      <t>アヤ</t>
    </rPh>
    <rPh sb="7" eb="8">
      <t>カイ</t>
    </rPh>
    <phoneticPr fontId="3"/>
  </si>
  <si>
    <t>医療法人　第一医院</t>
  </si>
  <si>
    <t>医療法人　桧山診療所</t>
  </si>
  <si>
    <t>医療法人　木下医院</t>
  </si>
  <si>
    <t>医療法人　親和会</t>
  </si>
  <si>
    <t>医療法人　小林耳鼻咽喉科</t>
  </si>
  <si>
    <t>医療法人　長田医院</t>
  </si>
  <si>
    <t>大阪市住之江区北島3-6-27</t>
  </si>
  <si>
    <t>大阪市住之江区中加賀屋1-14-22</t>
  </si>
  <si>
    <t>大阪市浪速区難波中3-1-13 なんば西島ﾋﾞﾙ2階</t>
    <phoneticPr fontId="3"/>
  </si>
  <si>
    <t>大阪市浪速区難波中2-3-20</t>
    <phoneticPr fontId="3"/>
  </si>
  <si>
    <t>医療法人　中山歯科医院</t>
  </si>
  <si>
    <t>医療法人　倫真会</t>
  </si>
  <si>
    <t>医療法人　英皐会</t>
  </si>
  <si>
    <t>医療法人　けやき会</t>
    <rPh sb="8" eb="9">
      <t>カイ</t>
    </rPh>
    <phoneticPr fontId="3"/>
  </si>
  <si>
    <t>大阪市港区夕凪2-16-9 ﾎﾟｰﾄﾋﾞﾙ1階</t>
    <phoneticPr fontId="3"/>
  </si>
  <si>
    <t>医療法人　住本会</t>
  </si>
  <si>
    <t>医療法人　風早会</t>
  </si>
  <si>
    <t>大阪市福島区野田3-13-35</t>
  </si>
  <si>
    <t>大阪市東成区大今里１-11-24</t>
    <rPh sb="0" eb="3">
      <t>オオサカシ</t>
    </rPh>
    <rPh sb="3" eb="6">
      <t>ヒガシナリク</t>
    </rPh>
    <phoneticPr fontId="1"/>
  </si>
  <si>
    <t>大阪市生野区勝山南3-2-9</t>
    <rPh sb="0" eb="3">
      <t>オオサカシ</t>
    </rPh>
    <rPh sb="3" eb="6">
      <t>イクノク</t>
    </rPh>
    <rPh sb="6" eb="9">
      <t>カツヤマミナミ</t>
    </rPh>
    <phoneticPr fontId="1"/>
  </si>
  <si>
    <t>大阪市住吉区南住吉2-14-19 ﾍｲｾｲﾊｲﾂ壹-館1階</t>
    <phoneticPr fontId="3"/>
  </si>
  <si>
    <t>大阪市東住吉区今川4-5-9 今川ﾏﾝｼｮﾝ1階</t>
    <phoneticPr fontId="3"/>
  </si>
  <si>
    <t>医療法人　永仁会</t>
  </si>
  <si>
    <t>医療法人　東京整形</t>
  </si>
  <si>
    <t>医療法人　登志会</t>
  </si>
  <si>
    <t>医療法人　社団星美会</t>
  </si>
  <si>
    <t>医療法人　永宏会</t>
  </si>
  <si>
    <t>医療法人　成基会</t>
  </si>
  <si>
    <t>医療法人　北谷医院</t>
  </si>
  <si>
    <t>医療法人　ハマノ眼科</t>
  </si>
  <si>
    <t>医療法人　敬愛会</t>
  </si>
  <si>
    <t>医療法人　二天会</t>
  </si>
  <si>
    <t>医療法人　乾洋会</t>
  </si>
  <si>
    <t>大阪市東成区東小橋1-2-11</t>
  </si>
  <si>
    <t>大阪市北区角田町8-47 阪急ｸﾞﾗﾝﾄﾞﾋﾞﾙ22階</t>
    <rPh sb="13" eb="15">
      <t>ハンキュウ</t>
    </rPh>
    <phoneticPr fontId="3"/>
  </si>
  <si>
    <t>大阪市西成区千本北2-29-15</t>
  </si>
  <si>
    <t xml:space="preserve">大阪市西成区太子1-14-5 </t>
  </si>
  <si>
    <t>医療法人　いわがき内科クリニック</t>
    <rPh sb="0" eb="2">
      <t>イリョウ</t>
    </rPh>
    <rPh sb="2" eb="4">
      <t>ホウジン</t>
    </rPh>
    <rPh sb="9" eb="11">
      <t>ナイカ</t>
    </rPh>
    <phoneticPr fontId="3"/>
  </si>
  <si>
    <t>医療法人　太融寺町谷口医院</t>
    <phoneticPr fontId="3"/>
  </si>
  <si>
    <t xml:space="preserve">大阪市北区太融寺町4-20 すてらめいとﾋﾞﾙ4階 </t>
    <phoneticPr fontId="3"/>
  </si>
  <si>
    <t>診療所法人</t>
    <phoneticPr fontId="3"/>
  </si>
  <si>
    <t>医療法人　こんどうクリニック</t>
    <phoneticPr fontId="5"/>
  </si>
  <si>
    <t>医療法人　鳥羽歯科医院</t>
  </si>
  <si>
    <t>医療法人　穂翔会</t>
  </si>
  <si>
    <t>医療法人　讃和会</t>
  </si>
  <si>
    <t>大阪市生野区田島5-9ｰ28</t>
  </si>
  <si>
    <t>大阪市生野区桃谷2-19-20</t>
  </si>
  <si>
    <t>大阪市生野区桃谷2-21-18</t>
  </si>
  <si>
    <t>大阪市生野区桃谷2-9-8</t>
  </si>
  <si>
    <t>大阪市生野区桃谷3-9-10</t>
  </si>
  <si>
    <t>大阪市生野区林寺2-15-4</t>
  </si>
  <si>
    <t>大阪市中央区瓦町4-2-14 瓦町ﾋﾞﾙ1階</t>
    <phoneticPr fontId="3"/>
  </si>
  <si>
    <t>医療法人　宇野医院</t>
  </si>
  <si>
    <t>医療法人　医心堂キムクリニック</t>
  </si>
  <si>
    <t>医療法人　浦野歯科診療所</t>
  </si>
  <si>
    <t>医療法人　雲勢会</t>
  </si>
  <si>
    <t>医療法人　藤林クリニック</t>
  </si>
  <si>
    <t>大阪市中央区伏見町2-5-7 岡田伏見町ﾋﾞﾙ6階</t>
    <phoneticPr fontId="3"/>
  </si>
  <si>
    <t>医療法人　健進会</t>
  </si>
  <si>
    <t>医療法人　正章会</t>
  </si>
  <si>
    <t>医療法人　秀整会</t>
  </si>
  <si>
    <t>医療法人　葉月会</t>
  </si>
  <si>
    <t>医療法人　上田医院</t>
  </si>
  <si>
    <t>医療法人　幸久会</t>
  </si>
  <si>
    <t>医療法人　正光会</t>
  </si>
  <si>
    <t>医療法人　マエダクリニック</t>
  </si>
  <si>
    <t>医療法人　奥井内科クリニック</t>
  </si>
  <si>
    <t>医療法人　神吉産婦人科</t>
  </si>
  <si>
    <t>医療法人　松本歯科診療所</t>
  </si>
  <si>
    <t>医療法人　佳仁会</t>
  </si>
  <si>
    <t>住之江区</t>
    <rPh sb="0" eb="3">
      <t>スミノエ</t>
    </rPh>
    <rPh sb="3" eb="4">
      <t>ク</t>
    </rPh>
    <phoneticPr fontId="3"/>
  </si>
  <si>
    <t>医療法人　至心会</t>
  </si>
  <si>
    <t>医療法人　神愛会</t>
  </si>
  <si>
    <t>大阪市東淀川区瑞光5-5-5 ｱｾﾞﾘｱⅡ 1階</t>
    <phoneticPr fontId="3"/>
  </si>
  <si>
    <t>大阪市東淀川区菅原4-1-34 小山ﾋﾞﾙ2階</t>
    <phoneticPr fontId="3"/>
  </si>
  <si>
    <t>大阪市中央区内久宝寺町3-4-1</t>
    <rPh sb="6" eb="7">
      <t>ウチ</t>
    </rPh>
    <rPh sb="7" eb="8">
      <t>キュウ</t>
    </rPh>
    <rPh sb="8" eb="9">
      <t>タカラ</t>
    </rPh>
    <rPh sb="9" eb="10">
      <t>テラ</t>
    </rPh>
    <rPh sb="10" eb="11">
      <t>チョウ</t>
    </rPh>
    <phoneticPr fontId="3"/>
  </si>
  <si>
    <t>医療法人　山口医院</t>
  </si>
  <si>
    <t>大阪市生野区巽中2-4-19</t>
    <phoneticPr fontId="3"/>
  </si>
  <si>
    <t>大阪市都島区東野田町2-9-12 松和京橋第2ﾋﾞﾙ7階</t>
    <phoneticPr fontId="3"/>
  </si>
  <si>
    <t>医療法人　川井歯科医院</t>
  </si>
  <si>
    <t>医療法人　凉庵会</t>
  </si>
  <si>
    <t>医療法人　年梅歯科クリニック</t>
  </si>
  <si>
    <t>医療法人　白亜会</t>
  </si>
  <si>
    <t>医療法人　中島歯科医院</t>
  </si>
  <si>
    <t>医療法人　景友会</t>
  </si>
  <si>
    <t>医療法人　御幸会</t>
  </si>
  <si>
    <t>大阪市此花区西九条3-8-11</t>
  </si>
  <si>
    <t>大阪市此花区伝法2-4-29</t>
  </si>
  <si>
    <t>大阪市此花区伝法2-5-1</t>
  </si>
  <si>
    <t>大阪市此花区梅香1-26-8</t>
  </si>
  <si>
    <t>大阪市中央区久太郎町3-2-15</t>
  </si>
  <si>
    <t>大阪市中央区高津3-2-28 2階</t>
  </si>
  <si>
    <t>大阪市中央区西心斎橋2-3-2</t>
  </si>
  <si>
    <t>大阪市中央区谷町6-14-23</t>
  </si>
  <si>
    <t>医療法人　たにクリニック</t>
    <phoneticPr fontId="3"/>
  </si>
  <si>
    <t>大阪市東成区大今里西2-17-16</t>
    <rPh sb="3" eb="5">
      <t>ヒガシナリ</t>
    </rPh>
    <rPh sb="6" eb="9">
      <t>オオイマザト</t>
    </rPh>
    <rPh sb="9" eb="10">
      <t>ニシ</t>
    </rPh>
    <phoneticPr fontId="3"/>
  </si>
  <si>
    <t>大阪市此花区伝法5-4-60</t>
    <phoneticPr fontId="3"/>
  </si>
  <si>
    <t>大阪市此花区春日出中1-25-15</t>
    <phoneticPr fontId="3"/>
  </si>
  <si>
    <t>大阪市中央区谷町6-4-8 新空堀ﾋﾞﾙ2階</t>
    <phoneticPr fontId="3"/>
  </si>
  <si>
    <t>大阪市中央区谷町7-1-50 ｱﾙｽ谷町c'base2階</t>
    <phoneticPr fontId="3"/>
  </si>
  <si>
    <t>医療法人　弘仁会</t>
  </si>
  <si>
    <t>医療法人　歓喜会</t>
  </si>
  <si>
    <t>医療法人　石田産婦人科</t>
    <rPh sb="5" eb="7">
      <t>イシダ</t>
    </rPh>
    <rPh sb="7" eb="11">
      <t>サンフジンカ</t>
    </rPh>
    <phoneticPr fontId="3"/>
  </si>
  <si>
    <t>医療法人　芥川会</t>
  </si>
  <si>
    <t>診療所法人</t>
  </si>
  <si>
    <t>大阪市東淀川区淡路5-5-3 松屋ﾊｲﾂ1階</t>
    <phoneticPr fontId="3"/>
  </si>
  <si>
    <t>医療法人　邦明会</t>
  </si>
  <si>
    <t>医療法人　細川医院</t>
  </si>
  <si>
    <t>医療法人　謙祐会</t>
  </si>
  <si>
    <t>医療法人　武知小児科・内科</t>
  </si>
  <si>
    <t>医療法人　敬心会</t>
  </si>
  <si>
    <t>医療法人　隆福会</t>
  </si>
  <si>
    <t>西区</t>
    <phoneticPr fontId="3"/>
  </si>
  <si>
    <t>大阪市西区新町1-8-3 ﾏｯｾ四ﾂ橋ﾋﾞﾙ6館2階</t>
    <phoneticPr fontId="3"/>
  </si>
  <si>
    <t>医療法人　松岡眼科</t>
    <phoneticPr fontId="3"/>
  </si>
  <si>
    <t>大阪市旭区中宮3-17-25 ｺﾓﾄﾞｶﾞｰﾃﾞﾝ山一1階</t>
  </si>
  <si>
    <t>大阪市旭区中宮4-9-19</t>
  </si>
  <si>
    <t>大阪市旭区中宮5-3-27</t>
  </si>
  <si>
    <t>大阪市鶴見区徳庵1-1-64</t>
  </si>
  <si>
    <t>大阪市西成区南津守7-5-7 ﾒｿﾞﾝ赤松1階1-A室</t>
    <phoneticPr fontId="3"/>
  </si>
  <si>
    <t>大阪市北区大淀中3-13-13 2階</t>
    <phoneticPr fontId="3"/>
  </si>
  <si>
    <t>大阪市北区梅田1-2-2-200 大阪駅前第2ﾋﾞﾙ2階</t>
    <phoneticPr fontId="3"/>
  </si>
  <si>
    <t>大阪市北区芝田1-4-8 北阪急ﾋﾞﾙﾃﾞｨﾝｸﾞ3階</t>
    <phoneticPr fontId="3"/>
  </si>
  <si>
    <t>大阪市北区芝田2-8-10 光栄ﾋﾞﾙ3階</t>
    <phoneticPr fontId="3"/>
  </si>
  <si>
    <t>大正区</t>
    <rPh sb="0" eb="3">
      <t>タイショウク</t>
    </rPh>
    <phoneticPr fontId="3"/>
  </si>
  <si>
    <t>医療法人　クムダ会</t>
    <rPh sb="8" eb="9">
      <t>カイ</t>
    </rPh>
    <phoneticPr fontId="3"/>
  </si>
  <si>
    <t>医療法人　博愛会</t>
    <rPh sb="5" eb="7">
      <t>ハクアイ</t>
    </rPh>
    <phoneticPr fontId="3"/>
  </si>
  <si>
    <t>大阪市住吉区東粉浜3-27-9</t>
    <rPh sb="6" eb="7">
      <t>ヒガシ</t>
    </rPh>
    <rPh sb="7" eb="8">
      <t>コナ</t>
    </rPh>
    <rPh sb="8" eb="9">
      <t>ハマ</t>
    </rPh>
    <phoneticPr fontId="3"/>
  </si>
  <si>
    <t>大阪市東淀川区西淡路4-25-70</t>
  </si>
  <si>
    <t>大阪市港区三先2-13-29 弥永ﾋﾞﾙ1階</t>
    <phoneticPr fontId="3"/>
  </si>
  <si>
    <t>大阪市港区市岡1-20-8</t>
    <phoneticPr fontId="3"/>
  </si>
  <si>
    <t>大阪市住之江区中加賀屋1-14-22-101</t>
  </si>
  <si>
    <t>大阪市住之江区中加賀屋2-8-14</t>
  </si>
  <si>
    <t>大阪市中央区難波4-1-15 近鉄難波ﾋﾞﾙ3階</t>
    <phoneticPr fontId="3"/>
  </si>
  <si>
    <t>大阪市西成区玉出中2-12-4</t>
  </si>
  <si>
    <t>大阪市西成区玉出中2-14-24</t>
  </si>
  <si>
    <t>大阪市西成区千本中2-12-11</t>
  </si>
  <si>
    <t>大阪市西成区千本中2-1-29</t>
  </si>
  <si>
    <t>大阪市西成区千本北2-32-35</t>
  </si>
  <si>
    <t>大阪市西成区太子2-3-11</t>
  </si>
  <si>
    <t>大阪市西成区潮路1-10-22</t>
  </si>
  <si>
    <t>西成区</t>
    <phoneticPr fontId="3"/>
  </si>
  <si>
    <t xml:space="preserve">大阪市西成区千本南1-3-2 </t>
    <phoneticPr fontId="3"/>
  </si>
  <si>
    <t xml:space="preserve">大阪市旭区高殿4-22-26 関目高殿幸榮ﾋﾞﾙ4階 </t>
    <phoneticPr fontId="3"/>
  </si>
  <si>
    <t>大阪市住吉区南住吉3-19-27 ｸﾞﾚｰｽ東山1階</t>
    <phoneticPr fontId="3"/>
  </si>
  <si>
    <t>大阪市住吉区万代6-19-29</t>
    <phoneticPr fontId="3"/>
  </si>
  <si>
    <t>大阪市住之江区新北島7-1-53 ﾏﾝｼｮﾝﾊﾋﾟﾈｽ</t>
    <phoneticPr fontId="3"/>
  </si>
  <si>
    <t>医療法人　一ノ名医院</t>
  </si>
  <si>
    <t>医療法人　松本内科クリニック</t>
  </si>
  <si>
    <t>医療法人　静風会</t>
  </si>
  <si>
    <t>医療法人　全人会</t>
  </si>
  <si>
    <t>医療法人　キム診療所</t>
  </si>
  <si>
    <t>港区</t>
    <phoneticPr fontId="3"/>
  </si>
  <si>
    <t>大阪市生野区田島1-16-6</t>
  </si>
  <si>
    <t>大阪市西淀川区姫島1-18-12</t>
  </si>
  <si>
    <t>大阪市西淀川区姫島1-19-8</t>
  </si>
  <si>
    <t>大阪市西淀川区姫島5-11-27</t>
  </si>
  <si>
    <t>大阪市西淀川区姫里3-13-46</t>
  </si>
  <si>
    <t>大阪市西淀川区福町2-3-33</t>
  </si>
  <si>
    <t>大阪市西淀川区福町2-8-7</t>
  </si>
  <si>
    <t>医療法人　前田歯科医院</t>
  </si>
  <si>
    <t>医療法人　菜の花会</t>
  </si>
  <si>
    <t>医療法人　松井クリニック</t>
  </si>
  <si>
    <t>医療法人　松本診療所</t>
  </si>
  <si>
    <t>医療法人　徹生会</t>
  </si>
  <si>
    <t>大阪市都島区都島本通1-21-22 ﾒﾃﾞｨｺｰﾄ2階</t>
    <phoneticPr fontId="3"/>
  </si>
  <si>
    <t>医療法人　ａｒｔｉｓｔｉｃ　ｄｅｎｔａｌ　ｃｌｉｎｉｃ</t>
    <phoneticPr fontId="3"/>
  </si>
  <si>
    <t>大阪市都島区東野田町4-7-18 菊本ﾋﾞﾙ2階</t>
    <phoneticPr fontId="3"/>
  </si>
  <si>
    <t>大阪市鶴見区茨田大宮4-22-8</t>
    <phoneticPr fontId="3"/>
  </si>
  <si>
    <t>医療法人　健正会</t>
  </si>
  <si>
    <t>大阪市住吉区苅田5-19-19 山本ﾋﾞﾙ3階</t>
    <phoneticPr fontId="3"/>
  </si>
  <si>
    <t>大阪市住吉区苅田7-11-10 平元ﾊｲﾂ1階</t>
    <phoneticPr fontId="3"/>
  </si>
  <si>
    <t>大阪市住吉区苅田9-11-16</t>
    <phoneticPr fontId="3"/>
  </si>
  <si>
    <t>大阪市住吉区我孫子東2-4-3 ﾚｸﾞﾙｽ我孫子1階</t>
    <phoneticPr fontId="3"/>
  </si>
  <si>
    <t>医療法人　福原歯科</t>
  </si>
  <si>
    <t>城東区</t>
    <rPh sb="0" eb="3">
      <t>ジョウトウク</t>
    </rPh>
    <phoneticPr fontId="3"/>
  </si>
  <si>
    <t>医療法人　徳寿会</t>
  </si>
  <si>
    <t>医療法人　緑龍会</t>
  </si>
  <si>
    <t>医療法人　梓会</t>
  </si>
  <si>
    <t>医療法人　辻整形外科</t>
  </si>
  <si>
    <t>医療法人　やすだ整形外科</t>
  </si>
  <si>
    <t>医療法人　育誠会</t>
  </si>
  <si>
    <t>医療法人　池岡診療所</t>
  </si>
  <si>
    <t>大阪市阿倍野区天王寺町北3-11-4 A･Tﾋﾞﾙ2階</t>
    <phoneticPr fontId="3"/>
  </si>
  <si>
    <t>阿倍野区</t>
    <phoneticPr fontId="3"/>
  </si>
  <si>
    <t>大阪市北区堂島2-2-2 近鉄堂島ﾋﾞﾙ2階02-T2</t>
    <phoneticPr fontId="3"/>
  </si>
  <si>
    <t>医療法人　近藤クリニック</t>
    <phoneticPr fontId="3"/>
  </si>
  <si>
    <t>大阪市北区天神橋3-4-2</t>
    <phoneticPr fontId="3"/>
  </si>
  <si>
    <t>医療法人　秀奈会</t>
  </si>
  <si>
    <t>医療法人　波津診療所</t>
  </si>
  <si>
    <t>医療法人　育成会榊原歯科医院</t>
  </si>
  <si>
    <t>医療法人　順育会</t>
  </si>
  <si>
    <t>大阪市西成区南津守3-1-48</t>
  </si>
  <si>
    <t>大阪市東淀川区豊新5-6-19</t>
    <phoneticPr fontId="3"/>
  </si>
  <si>
    <t>医療法人　藤田眼科</t>
  </si>
  <si>
    <t>医療法人　史隆会</t>
  </si>
  <si>
    <t>大阪市淀川区東三国1-20-11</t>
  </si>
  <si>
    <t>大阪市淀川区東三国2-31-17 ｻﾝﾋﾞﾗ東三国1階</t>
  </si>
  <si>
    <t>大阪市淀川区東三国5-14-10 中村ﾏﾝｼｮﾝ1階5室</t>
  </si>
  <si>
    <t>大阪市淀川区東三国6-19-8</t>
  </si>
  <si>
    <t>大阪市東淀川区井高野2-5-8</t>
  </si>
  <si>
    <t>大阪市東淀川区下新庄5-5-3</t>
  </si>
  <si>
    <t>大阪市東淀川区小松3-5-31</t>
  </si>
  <si>
    <t>医療法人　はた歯科</t>
    <rPh sb="7" eb="8">
      <t>ハ</t>
    </rPh>
    <rPh sb="8" eb="9">
      <t>カ</t>
    </rPh>
    <phoneticPr fontId="5"/>
  </si>
  <si>
    <t>医療法人　弘正会</t>
    <rPh sb="5" eb="6">
      <t>ヒロシ</t>
    </rPh>
    <rPh sb="6" eb="7">
      <t>セイ</t>
    </rPh>
    <rPh sb="7" eb="8">
      <t>カイ</t>
    </rPh>
    <phoneticPr fontId="5"/>
  </si>
  <si>
    <t>医療法人　たなばた会</t>
    <rPh sb="9" eb="10">
      <t>カイ</t>
    </rPh>
    <phoneticPr fontId="5"/>
  </si>
  <si>
    <t>医療法人　一尚会</t>
    <rPh sb="5" eb="6">
      <t>イチ</t>
    </rPh>
    <rPh sb="6" eb="7">
      <t>ナオ</t>
    </rPh>
    <rPh sb="7" eb="8">
      <t>カイ</t>
    </rPh>
    <phoneticPr fontId="3"/>
  </si>
  <si>
    <t>医療法人　遊心会</t>
    <rPh sb="5" eb="6">
      <t>ユウ</t>
    </rPh>
    <rPh sb="6" eb="7">
      <t>ココロ</t>
    </rPh>
    <rPh sb="7" eb="8">
      <t>カイ</t>
    </rPh>
    <phoneticPr fontId="3"/>
  </si>
  <si>
    <t>医療法人　森本医院</t>
  </si>
  <si>
    <t>大阪市浪速区戎本町1-6-22 ﾆｭｰｻﾉﾋﾞﾙ1階</t>
    <phoneticPr fontId="3"/>
  </si>
  <si>
    <t>医療法人　武内小児科</t>
  </si>
  <si>
    <t>大阪市住吉区清水丘1-7-2</t>
    <phoneticPr fontId="3"/>
  </si>
  <si>
    <t>大阪市平野区長吉出戸2-4-27</t>
  </si>
  <si>
    <t>大阪市平野区長吉長原東3-5-7</t>
  </si>
  <si>
    <t>大阪市平野区長吉六反2-6-39</t>
  </si>
  <si>
    <t>大阪市平野区平野宮町1-6-1-101</t>
  </si>
  <si>
    <t>大阪市平野区平野上町2-9-13</t>
  </si>
  <si>
    <t>大阪市平野区平野東1-8-29</t>
  </si>
  <si>
    <t>大阪市西成区花園南2-7-8 泰山第1ﾋﾞﾙ1階</t>
    <phoneticPr fontId="3"/>
  </si>
  <si>
    <t>医療法人　緑泉会</t>
  </si>
  <si>
    <t>医療法人　緑志会</t>
  </si>
  <si>
    <t>医療法人　中浜医院</t>
  </si>
  <si>
    <t>医療法人　長田診療所</t>
  </si>
  <si>
    <t>医療法人　亀井医院</t>
  </si>
  <si>
    <t>医療法人　中島クリニック</t>
  </si>
  <si>
    <t>平野区</t>
    <phoneticPr fontId="3"/>
  </si>
  <si>
    <t>大阪市城東区鴫野東1-13-10 小竹ｸﾘﾆｯｸﾋﾞﾙ4階</t>
    <phoneticPr fontId="3"/>
  </si>
  <si>
    <t>医療法人　豊友会</t>
    <phoneticPr fontId="3"/>
  </si>
  <si>
    <t>医療法人　山川クリニック</t>
  </si>
  <si>
    <t>医療法人　山田医院</t>
  </si>
  <si>
    <t>医療法人　塚本眼科クリニック</t>
  </si>
  <si>
    <t>医療法人　一樹会</t>
  </si>
  <si>
    <t>医療法人　入江歯科医院</t>
  </si>
  <si>
    <t>医療法人　天翔会</t>
  </si>
  <si>
    <t>医療法人　平雅会</t>
  </si>
  <si>
    <t>医療法人　ひらい医院</t>
  </si>
  <si>
    <t>医療法人　西眼科医院</t>
  </si>
  <si>
    <t>医療法人　兵頭記念会</t>
  </si>
  <si>
    <t>医療法人　社団ひまわり会</t>
  </si>
  <si>
    <t>医療法人　光祐会</t>
  </si>
  <si>
    <t>大阪市阿倍野区阪南町2-20-22</t>
  </si>
  <si>
    <t>大阪市阿倍野区阪南町4-3-17</t>
  </si>
  <si>
    <t>大阪市阿倍野区三明町1-14-5</t>
  </si>
  <si>
    <t>大阪市阿倍野区昭和町1-19-28</t>
  </si>
  <si>
    <t>大阪市阿倍野区昭和町2-1-24</t>
  </si>
  <si>
    <t>医療法人　裕雅会</t>
  </si>
  <si>
    <t>医療法人　優春会</t>
  </si>
  <si>
    <t>医療法人　てらかど診療所</t>
  </si>
  <si>
    <t>医療法人　協林会</t>
    <rPh sb="5" eb="6">
      <t>キョウ</t>
    </rPh>
    <rPh sb="6" eb="7">
      <t>バヤシ</t>
    </rPh>
    <rPh sb="7" eb="8">
      <t>カイ</t>
    </rPh>
    <phoneticPr fontId="5"/>
  </si>
  <si>
    <t>医療法人　亮友会</t>
    <rPh sb="5" eb="6">
      <t>リョウ</t>
    </rPh>
    <rPh sb="6" eb="7">
      <t>トモ</t>
    </rPh>
    <rPh sb="7" eb="8">
      <t>カイ</t>
    </rPh>
    <phoneticPr fontId="5"/>
  </si>
  <si>
    <t>医療法人　青貴会</t>
    <rPh sb="5" eb="6">
      <t>アオ</t>
    </rPh>
    <rPh sb="6" eb="7">
      <t>キ</t>
    </rPh>
    <rPh sb="7" eb="8">
      <t>カイ</t>
    </rPh>
    <phoneticPr fontId="3"/>
  </si>
  <si>
    <t>医療法人　木村歯科クリニック</t>
    <rPh sb="5" eb="7">
      <t>キムラ</t>
    </rPh>
    <rPh sb="7" eb="9">
      <t>シカ</t>
    </rPh>
    <phoneticPr fontId="3"/>
  </si>
  <si>
    <t>医療法人　地の塩会</t>
    <rPh sb="5" eb="6">
      <t>チ</t>
    </rPh>
    <rPh sb="7" eb="8">
      <t>シオ</t>
    </rPh>
    <rPh sb="8" eb="9">
      <t>カイ</t>
    </rPh>
    <phoneticPr fontId="3"/>
  </si>
  <si>
    <t>大阪市東成区大今里南1-5-11</t>
  </si>
  <si>
    <t>大阪市東成区大今里南4-7-11</t>
  </si>
  <si>
    <t>大阪市東成区大今里南5-10-14</t>
  </si>
  <si>
    <t>大阪市淀川区十三東3-5-13</t>
  </si>
  <si>
    <t>大阪市淀川区十三本町2-4-28</t>
  </si>
  <si>
    <t>医療法人　須藤クリニック</t>
  </si>
  <si>
    <t>医療法人　慈美会</t>
  </si>
  <si>
    <t>医療法人　久原診療所</t>
  </si>
  <si>
    <t>医療法人　伯仁会</t>
  </si>
  <si>
    <t>医療法人　吉村歯科医院</t>
    <rPh sb="0" eb="2">
      <t>イリョウ</t>
    </rPh>
    <rPh sb="2" eb="4">
      <t>ホウジン</t>
    </rPh>
    <rPh sb="7" eb="9">
      <t>シカ</t>
    </rPh>
    <rPh sb="9" eb="11">
      <t>イイン</t>
    </rPh>
    <phoneticPr fontId="3"/>
  </si>
  <si>
    <t>医療法人　村上眼科</t>
  </si>
  <si>
    <t>大阪市旭区大宮5-4-24</t>
  </si>
  <si>
    <t>大阪市阿倍野区昭和町4-9-1</t>
  </si>
  <si>
    <t>大阪市鶴見区諸口1-6-19</t>
    <rPh sb="6" eb="7">
      <t>モロ</t>
    </rPh>
    <rPh sb="7" eb="8">
      <t>グチ</t>
    </rPh>
    <phoneticPr fontId="3"/>
  </si>
  <si>
    <t>生野区</t>
    <rPh sb="0" eb="2">
      <t>イクノ</t>
    </rPh>
    <phoneticPr fontId="3"/>
  </si>
  <si>
    <t>医療法人　昌貴会</t>
  </si>
  <si>
    <t>医療法人　紫峰会</t>
  </si>
  <si>
    <t>医療法人　近藤産婦人科</t>
  </si>
  <si>
    <t>医療法人　ばばやクリニック</t>
  </si>
  <si>
    <t>医療法人　いながきレディースクリニック</t>
  </si>
  <si>
    <t xml:space="preserve">大阪市都島区都島本通2-15-7 </t>
  </si>
  <si>
    <t>大阪市北区長柄東1-4 さざなみ団地24-102</t>
    <phoneticPr fontId="3"/>
  </si>
  <si>
    <t>医療法人　丹生医院</t>
  </si>
  <si>
    <t>医療法人　藤井内科医院</t>
  </si>
  <si>
    <t>医療法人　葛本医院</t>
  </si>
  <si>
    <t>医療法人　大草徳庵歯科医院</t>
  </si>
  <si>
    <t>医療法人　堀井耳鼻咽喉科</t>
  </si>
  <si>
    <t>医療法人　本田整形外科内科</t>
  </si>
  <si>
    <t>医療法人　春田眼科医院</t>
  </si>
  <si>
    <t>医療法人　五常会浅野クリニック</t>
  </si>
  <si>
    <t>医療法人　健心会</t>
  </si>
  <si>
    <t>大阪市中央区谷町1-3-5</t>
    <phoneticPr fontId="3"/>
  </si>
  <si>
    <t>医療法人　一心会</t>
    <phoneticPr fontId="3"/>
  </si>
  <si>
    <t>医療法人　たばたクリニック</t>
  </si>
  <si>
    <t>医療法人　水田診療所</t>
  </si>
  <si>
    <t>医療法人　宮本医院</t>
  </si>
  <si>
    <t>医療法人　西山産婦人科医院</t>
  </si>
  <si>
    <t>大阪市中央区谷町9-3-11 東谷町ﾋﾞﾙ2階</t>
    <phoneticPr fontId="3"/>
  </si>
  <si>
    <t>西淀川区</t>
    <rPh sb="0" eb="1">
      <t>ニシ</t>
    </rPh>
    <rPh sb="1" eb="4">
      <t>ヨドガワク</t>
    </rPh>
    <phoneticPr fontId="3"/>
  </si>
  <si>
    <t>医療法人　加島クリニック</t>
    <rPh sb="0" eb="2">
      <t>イリョウ</t>
    </rPh>
    <rPh sb="2" eb="4">
      <t>ホウジン</t>
    </rPh>
    <rPh sb="5" eb="7">
      <t>カシマ</t>
    </rPh>
    <phoneticPr fontId="3"/>
  </si>
  <si>
    <t>大阪市福島区大開1-2-4</t>
  </si>
  <si>
    <t xml:space="preserve">大阪市福島区福島7-4-16 </t>
  </si>
  <si>
    <t>大阪市此花区春日出中2-16-23</t>
  </si>
  <si>
    <t xml:space="preserve">大阪市此花区春日出北1-2-1 </t>
  </si>
  <si>
    <t>大阪市此花区春日出北2-18-5</t>
  </si>
  <si>
    <t>医療法人　阪急共栄会</t>
  </si>
  <si>
    <t>大阪市都島区毛馬町1-8-4</t>
  </si>
  <si>
    <t>医療法人　共創会</t>
    <rPh sb="0" eb="2">
      <t>イリョウ</t>
    </rPh>
    <rPh sb="2" eb="4">
      <t>ホウジン</t>
    </rPh>
    <rPh sb="5" eb="6">
      <t>トモ</t>
    </rPh>
    <rPh sb="6" eb="7">
      <t>ツク</t>
    </rPh>
    <rPh sb="7" eb="8">
      <t>カイ</t>
    </rPh>
    <phoneticPr fontId="3"/>
  </si>
  <si>
    <t>医療法人　みゆき会</t>
    <rPh sb="0" eb="2">
      <t>イリョウ</t>
    </rPh>
    <rPh sb="2" eb="4">
      <t>ホウジン</t>
    </rPh>
    <rPh sb="8" eb="9">
      <t>カイ</t>
    </rPh>
    <phoneticPr fontId="3"/>
  </si>
  <si>
    <t>医療法人　飛龍会</t>
    <rPh sb="5" eb="6">
      <t>ト</t>
    </rPh>
    <rPh sb="6" eb="7">
      <t>リュウ</t>
    </rPh>
    <rPh sb="7" eb="8">
      <t>カイ</t>
    </rPh>
    <phoneticPr fontId="5"/>
  </si>
  <si>
    <t>医療法人　なごみ会</t>
    <rPh sb="8" eb="9">
      <t>カイ</t>
    </rPh>
    <phoneticPr fontId="5"/>
  </si>
  <si>
    <t>医療法人　ガクト会</t>
    <rPh sb="8" eb="9">
      <t>カイ</t>
    </rPh>
    <phoneticPr fontId="5"/>
  </si>
  <si>
    <t>医療法人　明潤会</t>
    <rPh sb="5" eb="6">
      <t>メイ</t>
    </rPh>
    <rPh sb="6" eb="7">
      <t>ジュン</t>
    </rPh>
    <rPh sb="7" eb="8">
      <t>カイ</t>
    </rPh>
    <phoneticPr fontId="5"/>
  </si>
  <si>
    <t>医療法人　東迎会</t>
  </si>
  <si>
    <t>医療法人　智江会</t>
  </si>
  <si>
    <t>医療法人　梅本会</t>
  </si>
  <si>
    <t>阿倍野区</t>
  </si>
  <si>
    <t>旭区</t>
  </si>
  <si>
    <t>港区</t>
  </si>
  <si>
    <t>此花区</t>
  </si>
  <si>
    <t>住吉区</t>
  </si>
  <si>
    <t>住之江区</t>
  </si>
  <si>
    <t>医療法人　大森整形外科</t>
  </si>
  <si>
    <t>医療法人　田中小児科医院</t>
  </si>
  <si>
    <t>大阪市中央区東心斎橋1-9-6</t>
    <phoneticPr fontId="3"/>
  </si>
  <si>
    <t>大阪市中央区北浜1-1-21 第2中井ﾋﾞﾙ8階</t>
    <phoneticPr fontId="3"/>
  </si>
  <si>
    <t>大阪市鶴見区今津南1-5-39 鶴見ｸﾞﾘｰﾝﾚｼﾞﾃﾞﾝｽ1階</t>
    <phoneticPr fontId="3"/>
  </si>
  <si>
    <t>医療法人　あきの整形外科</t>
    <phoneticPr fontId="3"/>
  </si>
  <si>
    <t>医療法人　芳野会</t>
  </si>
  <si>
    <t>医療法人　脇本産婦人科</t>
  </si>
  <si>
    <t>大阪市西成区天下茶屋1-15-1</t>
  </si>
  <si>
    <t>医療法人　小路東宮本診療所</t>
  </si>
  <si>
    <t>医療法人　なんば太田クリニック</t>
  </si>
  <si>
    <t xml:space="preserve">大阪市北区東天満1-10-10 ｻﾝ･ﾌｧｰｽﾄ南森町2階 </t>
    <phoneticPr fontId="3"/>
  </si>
  <si>
    <t>医療法人　田村歯科医院</t>
  </si>
  <si>
    <t>医療法人　晃晴会</t>
  </si>
  <si>
    <t>医療法人　桜医会</t>
  </si>
  <si>
    <t>大阪市北区梅田2-4-32</t>
  </si>
  <si>
    <t>大阪市北区浮田2-2-3</t>
  </si>
  <si>
    <t>医療法人　城彩会</t>
  </si>
  <si>
    <t>医療法人　大川医院</t>
  </si>
  <si>
    <t>医療法人　栄弘会宮下内科</t>
  </si>
  <si>
    <t>大阪市東住吉区西今川4-17-13 ｽｰﾊﾟｰｺｰﾄ東住吉2号館</t>
    <rPh sb="30" eb="32">
      <t>ゴウカン</t>
    </rPh>
    <phoneticPr fontId="3"/>
  </si>
  <si>
    <t>医療法人　晴恵会</t>
  </si>
  <si>
    <t>医療法人　昴会</t>
  </si>
  <si>
    <t>医療法人　こじま眼科クリニック</t>
  </si>
  <si>
    <t>大阪市西淀川区御幣島2-5-28</t>
    <phoneticPr fontId="3"/>
  </si>
  <si>
    <t>医療法人　和光会光井診療所</t>
  </si>
  <si>
    <t>医療法人　光陽会</t>
  </si>
  <si>
    <t>医療法人　和田内科</t>
  </si>
  <si>
    <t>医療法人　吉永歯科医院</t>
  </si>
  <si>
    <t>医療法人　吉田クリニック</t>
  </si>
  <si>
    <t>医療法人　李クリニック</t>
  </si>
  <si>
    <t xml:space="preserve">大阪市城東区鴫野西4-10-14 鴫野ｼｮｯﾋﾟﾝｸﾞｾﾝﾀｰﾋﾞﾙ2階 </t>
    <phoneticPr fontId="3"/>
  </si>
  <si>
    <t>大阪市城東区諏訪2-5-15 ｼﾙﾊﾞｰﾊｲﾂ1階</t>
    <phoneticPr fontId="3"/>
  </si>
  <si>
    <t>大阪市鶴見区今津南1-5-24 今津ﾏﾝｼｮﾝ1階</t>
    <phoneticPr fontId="3"/>
  </si>
  <si>
    <t>大阪市平野区喜連4-8-63</t>
  </si>
  <si>
    <t>大阪市平野区喜連東1-8-32</t>
  </si>
  <si>
    <t>大阪市平野区喜連東3-5-50</t>
  </si>
  <si>
    <t>医療法人　千扇会</t>
  </si>
  <si>
    <t>医療法人　卓翔会</t>
    <rPh sb="5" eb="6">
      <t>タク</t>
    </rPh>
    <rPh sb="6" eb="7">
      <t>ショウ</t>
    </rPh>
    <rPh sb="7" eb="8">
      <t>カイ</t>
    </rPh>
    <phoneticPr fontId="5"/>
  </si>
  <si>
    <t>医療法人　大江整形外科</t>
    <rPh sb="5" eb="7">
      <t>オオエ</t>
    </rPh>
    <rPh sb="7" eb="9">
      <t>セイケイ</t>
    </rPh>
    <rPh sb="9" eb="11">
      <t>ゲカ</t>
    </rPh>
    <phoneticPr fontId="5"/>
  </si>
  <si>
    <t>医療法人　瑠璃会</t>
    <rPh sb="5" eb="7">
      <t>ルリ</t>
    </rPh>
    <rPh sb="7" eb="8">
      <t>カイ</t>
    </rPh>
    <phoneticPr fontId="5"/>
  </si>
  <si>
    <t>医療法人　よしだ睡眠呼吸クリニック</t>
    <rPh sb="8" eb="10">
      <t>スイミン</t>
    </rPh>
    <rPh sb="10" eb="12">
      <t>コキュウ</t>
    </rPh>
    <phoneticPr fontId="5"/>
  </si>
  <si>
    <t>医療法人　康耳鼻咽喉科</t>
  </si>
  <si>
    <t>医療法人　昌善会</t>
  </si>
  <si>
    <t>大阪市西区九条1-14-3 新道ﾊｲﾂ1階</t>
    <phoneticPr fontId="3"/>
  </si>
  <si>
    <t>医療法人　もとだ整形外科クリニック</t>
    <rPh sb="0" eb="2">
      <t>イリョウ</t>
    </rPh>
    <rPh sb="2" eb="4">
      <t>ホウジン</t>
    </rPh>
    <rPh sb="8" eb="10">
      <t>セイケイ</t>
    </rPh>
    <rPh sb="10" eb="12">
      <t>ゲカ</t>
    </rPh>
    <phoneticPr fontId="3"/>
  </si>
  <si>
    <t>医療法人　ゆうあい会</t>
  </si>
  <si>
    <t>医療法人　理仁会</t>
  </si>
  <si>
    <t>医療法人　高寿会</t>
  </si>
  <si>
    <t>医療法人　宏正会</t>
  </si>
  <si>
    <t>医療法人　秀盛会</t>
  </si>
  <si>
    <t>大阪市住之江区西加賀屋1-1-6</t>
    <phoneticPr fontId="3"/>
  </si>
  <si>
    <t>大阪市住吉区苅田5-6-11</t>
    <phoneticPr fontId="3"/>
  </si>
  <si>
    <t>大阪市住吉区山之内1-25-30 ﾌﾟﾚｼﾞｰﾙ･ｱﾝ･山之内1階</t>
    <phoneticPr fontId="3"/>
  </si>
  <si>
    <t>大阪市住吉区万代2-7-15 旭ﾏﾝｼｮﾝ1B</t>
    <phoneticPr fontId="3"/>
  </si>
  <si>
    <t>大阪市住吉区万代3-12-5 ﾊｲﾑｽﾀｲﾝ2階</t>
    <phoneticPr fontId="3"/>
  </si>
  <si>
    <t>医療法人　津留医院</t>
  </si>
  <si>
    <t>医療法人　健昭会</t>
  </si>
  <si>
    <t>大阪市西成区津守1-7-33</t>
  </si>
  <si>
    <t>天王寺区</t>
    <rPh sb="0" eb="4">
      <t>テンノウジク</t>
    </rPh>
    <phoneticPr fontId="3"/>
  </si>
  <si>
    <t>平野区</t>
    <rPh sb="0" eb="3">
      <t>ヒラノク</t>
    </rPh>
    <phoneticPr fontId="3"/>
  </si>
  <si>
    <t>北区</t>
    <rPh sb="0" eb="2">
      <t>キタク</t>
    </rPh>
    <phoneticPr fontId="3"/>
  </si>
  <si>
    <t>医療法人　すみれ会</t>
  </si>
  <si>
    <t>大阪市住吉区山之内2-9-11</t>
  </si>
  <si>
    <t>大阪市阿倍野区松崎町2-1-20</t>
  </si>
  <si>
    <t>大阪市西淀川区柏里3-3-17</t>
  </si>
  <si>
    <t>医療法人　大江内科</t>
  </si>
  <si>
    <t>医療法人　三橋医院</t>
  </si>
  <si>
    <t>医療法人　峰和会</t>
  </si>
  <si>
    <t>医療法人　弘清会</t>
  </si>
  <si>
    <t>大阪市住吉区我孫子東3-1-1 泰清ﾋﾞﾙ3階</t>
    <phoneticPr fontId="3"/>
  </si>
  <si>
    <t>大阪市住吉区我孫子2-7-33 ｻｻﾞﾝ･ﾄﾞｰﾑ1階</t>
    <phoneticPr fontId="3"/>
  </si>
  <si>
    <t>医療法人　河東クリニック</t>
  </si>
  <si>
    <t>大阪市福島区玉川4-10-4 ﾗﾌｨｰﾈSUNi1階</t>
  </si>
  <si>
    <t>大阪市住吉区長居東3-4-28</t>
  </si>
  <si>
    <t>大阪市住吉区帝塚山西1-12-20</t>
  </si>
  <si>
    <t>大阪市北区梅田3-1-1 大阪ﾀｰﾐﾅﾙﾋﾞﾙ17階</t>
    <phoneticPr fontId="3"/>
  </si>
  <si>
    <t>医療法人　寛生会くらみつ歯科医院</t>
  </si>
  <si>
    <t>医療法人　延歯会</t>
  </si>
  <si>
    <t>大阪市淀川区十三東2-7-16</t>
    <phoneticPr fontId="3"/>
  </si>
  <si>
    <t>大阪市北区太融寺町5-13 東梅田ﾊﾟｰｸﾋﾞﾙ7階</t>
  </si>
  <si>
    <t>大阪市住之江区南港中2-1-99</t>
  </si>
  <si>
    <t>大阪市住之江区南港中3-4-4</t>
  </si>
  <si>
    <t>大阪市住之江区浜口西1-9-31</t>
  </si>
  <si>
    <t>大阪市住之江区浜口西2-1-5</t>
  </si>
  <si>
    <t>医療法人　坂本会</t>
  </si>
  <si>
    <t>医療法人　鴫野医院</t>
  </si>
  <si>
    <t>大阪市生野区田島4-6-16 長田ﾋﾞﾙ2階</t>
    <phoneticPr fontId="3"/>
  </si>
  <si>
    <t>大阪市鶴見区今津南1-5-8</t>
  </si>
  <si>
    <t>大阪市鶴見区鶴見4-1-30</t>
  </si>
  <si>
    <t>大阪市浪速区立葉1-1-7</t>
    <phoneticPr fontId="3"/>
  </si>
  <si>
    <t>大阪市平野区西脇4-1-55</t>
  </si>
  <si>
    <t>大阪市西成区天下茶屋東2-13-21</t>
  </si>
  <si>
    <t>大阪市中央区博労町2-2-2 寺浦ｶﾞｰｾﾞﾋﾞﾙ2階</t>
    <phoneticPr fontId="3"/>
  </si>
  <si>
    <t>大阪市住之江区粉浜2-13-8</t>
  </si>
  <si>
    <t>大阪市住之江区粉浜2-13-8
 粉浜ﾋﾞﾙ</t>
  </si>
  <si>
    <t>大阪市住之江区粉浜3-14-18</t>
  </si>
  <si>
    <t xml:space="preserve">大阪市住之江区粉浜1-5-34 清和ﾋﾞﾙ1階 </t>
  </si>
  <si>
    <t>大阪市住吉区我孫子1-7-6</t>
  </si>
  <si>
    <t>医療法人　良純会</t>
  </si>
  <si>
    <t>医療法人　徳旺会長谷川歯科医院</t>
  </si>
  <si>
    <t>大阪市住吉区苅田5-19-19 山本ﾋﾞﾙ2階</t>
    <phoneticPr fontId="3"/>
  </si>
  <si>
    <t>医療法人　真秀良会</t>
  </si>
  <si>
    <t>医療法人　マインド会</t>
  </si>
  <si>
    <t>医療法人　松澤呼吸器クリニック</t>
    <rPh sb="5" eb="7">
      <t>マツザワ</t>
    </rPh>
    <rPh sb="7" eb="10">
      <t>コキュウキ</t>
    </rPh>
    <phoneticPr fontId="5"/>
  </si>
  <si>
    <t>医療法人　龍神堂会</t>
  </si>
  <si>
    <t>医療法人　修真会福井整形外科</t>
    <phoneticPr fontId="3"/>
  </si>
  <si>
    <t>医療法人　脇歯科医院</t>
    <rPh sb="0" eb="2">
      <t>イリョウ</t>
    </rPh>
    <rPh sb="2" eb="4">
      <t>ホウジン</t>
    </rPh>
    <rPh sb="6" eb="8">
      <t>シカ</t>
    </rPh>
    <rPh sb="8" eb="10">
      <t>イイン</t>
    </rPh>
    <phoneticPr fontId="3"/>
  </si>
  <si>
    <t>医療法人　ケイズ会</t>
  </si>
  <si>
    <t>医療法人　佐伯会</t>
  </si>
  <si>
    <t>医療法人　仁善会</t>
  </si>
  <si>
    <t>医療法人　京眼会</t>
  </si>
  <si>
    <t>医療法人　慧讃会</t>
  </si>
  <si>
    <t>医療法人　陽向会</t>
  </si>
  <si>
    <t>大阪市天王寺区清水谷町5-27</t>
  </si>
  <si>
    <t>大阪市天王寺区餌差町15-8</t>
  </si>
  <si>
    <t>医療法人　久内会</t>
  </si>
  <si>
    <t>医療法人　西幹会</t>
  </si>
  <si>
    <t>医療法人　三幸会</t>
  </si>
  <si>
    <t>医療法人　岸本整形外科</t>
  </si>
  <si>
    <t>医療法人　愛信会</t>
  </si>
  <si>
    <t>医療法人　武田小児科医院</t>
  </si>
  <si>
    <t>医療法人　翠奏会</t>
  </si>
  <si>
    <t>医療法人　満領会</t>
  </si>
  <si>
    <t>医療法人　富井医院</t>
  </si>
  <si>
    <t>医療法人　くぜ小児科</t>
  </si>
  <si>
    <t>医療法人　洋涼会</t>
  </si>
  <si>
    <t>医療法人　榊原クリニック</t>
  </si>
  <si>
    <t>医療法人　社団湯川胃腸病院</t>
  </si>
  <si>
    <t>医療法人　有光会</t>
  </si>
  <si>
    <t>大阪市東淀川区菅原7-10-7 ｸﾚｰﾙｽｶﾞﾊﾗB棟101号</t>
    <rPh sb="30" eb="31">
      <t>ゴウ</t>
    </rPh>
    <phoneticPr fontId="3"/>
  </si>
  <si>
    <t>大阪市東住吉区駒川3-30-3</t>
  </si>
  <si>
    <t>大阪市東住吉区駒川4-1-5</t>
  </si>
  <si>
    <t>大阪市東住吉区杭全3-1-1</t>
  </si>
  <si>
    <t>医療法人　こうだ医院</t>
  </si>
  <si>
    <t>医療法人　三間眼科医院</t>
  </si>
  <si>
    <t>医療法人　考優会</t>
  </si>
  <si>
    <t>医療法人　森田歯科医院</t>
  </si>
  <si>
    <t>医療法人　髙友会</t>
  </si>
  <si>
    <t>医療法人　社団宏久会</t>
  </si>
  <si>
    <t>医療法人　東田クリニック</t>
  </si>
  <si>
    <t>医療法人　西村歯科医院</t>
  </si>
  <si>
    <t>医療法人　臨研会</t>
  </si>
  <si>
    <t>医療法人　清裕会</t>
  </si>
  <si>
    <t>医療法人　米川医院</t>
  </si>
  <si>
    <t>医療法人　健隆会</t>
  </si>
  <si>
    <t>医療法人　山本歯科</t>
    <rPh sb="5" eb="7">
      <t>ヤマモト</t>
    </rPh>
    <rPh sb="7" eb="9">
      <t>シカ</t>
    </rPh>
    <phoneticPr fontId="5"/>
  </si>
  <si>
    <t>大阪市東淀川区豊里4-6-14</t>
  </si>
  <si>
    <t>大阪市中央区備後町4-1-3 御堂筋三井ﾋﾞﾙ1階</t>
    <phoneticPr fontId="3"/>
  </si>
  <si>
    <t>医療法人　立花クリニック</t>
  </si>
  <si>
    <t>医療法人　小山医院</t>
  </si>
  <si>
    <t>医療法人　金井産婦人科</t>
  </si>
  <si>
    <t>医療法人　歯研会奥野歯科医院</t>
    <rPh sb="8" eb="10">
      <t>オクノ</t>
    </rPh>
    <rPh sb="12" eb="14">
      <t>イイン</t>
    </rPh>
    <phoneticPr fontId="3"/>
  </si>
  <si>
    <t>大阪市天王寺区上本町6-3-31-505</t>
  </si>
  <si>
    <t>大阪市天王寺区茶臼山町1-18</t>
  </si>
  <si>
    <t>天王寺区</t>
  </si>
  <si>
    <t>都島区</t>
  </si>
  <si>
    <t>東住吉区</t>
  </si>
  <si>
    <t>東成区</t>
  </si>
  <si>
    <t>東淀川区</t>
  </si>
  <si>
    <t>福島区</t>
  </si>
  <si>
    <t>平野区</t>
  </si>
  <si>
    <t>北区</t>
  </si>
  <si>
    <t>東住吉区</t>
    <rPh sb="0" eb="3">
      <t>ヒガシスミヨシ</t>
    </rPh>
    <phoneticPr fontId="3"/>
  </si>
  <si>
    <t>西区</t>
    <rPh sb="0" eb="1">
      <t>ニシ</t>
    </rPh>
    <phoneticPr fontId="3"/>
  </si>
  <si>
    <t>医療法人　康仁会鶴橋中央診療所</t>
  </si>
  <si>
    <t>医療法人　岩本診療所</t>
  </si>
  <si>
    <t>医療法人　聖心会</t>
    <rPh sb="0" eb="2">
      <t>イリョウ</t>
    </rPh>
    <rPh sb="2" eb="4">
      <t>ホウジン</t>
    </rPh>
    <rPh sb="5" eb="7">
      <t>セイシン</t>
    </rPh>
    <rPh sb="7" eb="8">
      <t>カイ</t>
    </rPh>
    <phoneticPr fontId="3"/>
  </si>
  <si>
    <t>医療法人　タニオ歯科クリニック</t>
    <rPh sb="8" eb="10">
      <t>シカ</t>
    </rPh>
    <phoneticPr fontId="3"/>
  </si>
  <si>
    <t>大阪市北区中之島6-2-27</t>
  </si>
  <si>
    <t>大阪市城東区野江3-12-28</t>
  </si>
  <si>
    <t>大阪市鶴見区茨田大宮2-7-10</t>
  </si>
  <si>
    <t>大阪市鶴見区今津中5-1-33</t>
  </si>
  <si>
    <t>大阪市鶴見区今津南1-5-37</t>
  </si>
  <si>
    <t>大阪市淀川区十三元今里1-7-22</t>
  </si>
  <si>
    <t>大阪市西区九条1-15-23</t>
  </si>
  <si>
    <t>大阪市大正区三軒家東5-5-16</t>
  </si>
  <si>
    <t>医療法人　アクア</t>
    <phoneticPr fontId="3"/>
  </si>
  <si>
    <t>医療法人　翠真会</t>
    <phoneticPr fontId="3"/>
  </si>
  <si>
    <t>医療法人　桜済会</t>
    <phoneticPr fontId="3"/>
  </si>
  <si>
    <t>医療法人　しもがき泌尿器科クリニック</t>
    <phoneticPr fontId="3"/>
  </si>
  <si>
    <t>大阪市大正区泉尾1-24-6</t>
  </si>
  <si>
    <t>大阪市中央区南船場1-1-3</t>
  </si>
  <si>
    <t>大阪市東淀川区淡路4-1-28</t>
  </si>
  <si>
    <t>医療法人　順心会</t>
  </si>
  <si>
    <t>医療法人　俊佑会</t>
  </si>
  <si>
    <t>医療法人　新徳会</t>
  </si>
  <si>
    <t>医療法人　やながクリニック</t>
  </si>
  <si>
    <t>医療法人　藤井クリニック</t>
  </si>
  <si>
    <t>医療法人　藤山診療所</t>
  </si>
  <si>
    <t>医療法人　福田診療所</t>
  </si>
  <si>
    <t>大阪市北区芝田1-1-27 ｻｾ梅田ﾋﾞﾙ6階.7階.8階</t>
  </si>
  <si>
    <t>大阪市北区小松原町3-3</t>
  </si>
  <si>
    <t>大阪市北区菅栄町10-12</t>
  </si>
  <si>
    <t>大阪市北区西天満2-2-1</t>
  </si>
  <si>
    <t>大阪市北区堂山町17-15 梅田若原ﾋﾞﾙ5階</t>
  </si>
  <si>
    <t>大阪市北区堂島1-1-5</t>
  </si>
  <si>
    <t>大阪市北区堂島浜1-2-6</t>
  </si>
  <si>
    <t>大阪市旭区清水3-3-30</t>
  </si>
  <si>
    <t>大阪市旭区清水3-3-33</t>
  </si>
  <si>
    <t>大阪市鶴見区横堤5-2-17</t>
  </si>
  <si>
    <t>大阪市鶴見区今津中3-6-27</t>
  </si>
  <si>
    <t>大阪市鶴見区今津中5-6-26</t>
  </si>
  <si>
    <t>医療法人　弘治会</t>
  </si>
  <si>
    <t>医療法人　吉田歯科医院</t>
  </si>
  <si>
    <t>大阪市阿倍野区文の里2-11-21 ｼﾞｮｲﾌﾙ文の里101号</t>
    <rPh sb="30" eb="31">
      <t>ゴウ</t>
    </rPh>
    <phoneticPr fontId="3"/>
  </si>
  <si>
    <t>医療法人　高田医院</t>
  </si>
  <si>
    <t>医療法人　信真会</t>
  </si>
  <si>
    <t>医療法人　保健厚生会</t>
  </si>
  <si>
    <t>医療法人　本城歯科医院</t>
  </si>
  <si>
    <t>淀川区</t>
    <phoneticPr fontId="3"/>
  </si>
  <si>
    <t>大阪市阿倍野区昭和町2-18-1-101</t>
    <phoneticPr fontId="3"/>
  </si>
  <si>
    <t>大阪市中央区南船場3-5-11 りそな心斎橋ﾋﾞﾙ6階</t>
    <phoneticPr fontId="3"/>
  </si>
  <si>
    <t>大阪市中央区西心斎橋1-4-5 御堂筋ﾋﾞﾙ5階</t>
    <phoneticPr fontId="3"/>
  </si>
  <si>
    <t>大阪市中央区安土町2-3-13 大阪国際ﾋﾞﾙ16階</t>
    <phoneticPr fontId="3"/>
  </si>
  <si>
    <t>大阪市平野区瓜破西2-7-49 ﾆｭｰﾛｰﾀｽﾗｲﾌ1階</t>
    <phoneticPr fontId="3"/>
  </si>
  <si>
    <t>医療法人　希望の道</t>
    <phoneticPr fontId="3"/>
  </si>
  <si>
    <t xml:space="preserve">大阪市西成区梅南1-2-4 </t>
    <phoneticPr fontId="3"/>
  </si>
  <si>
    <t>大阪市生野区桃谷4-5-13</t>
  </si>
  <si>
    <t xml:space="preserve">大阪市生野区林寺3-14-32 </t>
  </si>
  <si>
    <t>大阪市旭区高殿3-15-18</t>
  </si>
  <si>
    <t>大阪市旭区高殿4-20-19</t>
  </si>
  <si>
    <t>大阪市旭区新森2-1-26</t>
  </si>
  <si>
    <t>医療法人　藤平胃腸科・放射線科</t>
  </si>
  <si>
    <t>医療法人　大庭医院</t>
  </si>
  <si>
    <t>法人区分</t>
  </si>
  <si>
    <t>法人コード</t>
  </si>
  <si>
    <t>病院法人</t>
  </si>
  <si>
    <t>医療法人　逍遥会</t>
  </si>
  <si>
    <t>医療法人　信和会</t>
  </si>
  <si>
    <t>医療法人　中尾医院</t>
  </si>
  <si>
    <t>鶴見区</t>
    <rPh sb="0" eb="3">
      <t>ツルミク</t>
    </rPh>
    <phoneticPr fontId="3"/>
  </si>
  <si>
    <t>医療法人　公知会福田クリニック</t>
  </si>
  <si>
    <t>大阪市旭区大宮1-13-9</t>
  </si>
  <si>
    <t>大阪市旭区大宮2-20-17</t>
  </si>
  <si>
    <t>大阪市旭区大宮4-9-39</t>
  </si>
  <si>
    <t>大阪市旭区中宮2-15-3</t>
  </si>
  <si>
    <t>医療法人　後藤診療所</t>
  </si>
  <si>
    <t>医療法人　知友会</t>
  </si>
  <si>
    <t>大阪市住之江区粉浜2-6-12</t>
  </si>
  <si>
    <t>大阪市旭区高殿3-20-25</t>
  </si>
  <si>
    <t>大阪市旭区高殿4-19-1</t>
  </si>
  <si>
    <t>大阪市旭区高殿6-3-27</t>
  </si>
  <si>
    <t>大阪市旭区新森4-25-4</t>
  </si>
  <si>
    <t>東淀川区</t>
    <rPh sb="0" eb="1">
      <t>ヒガシ</t>
    </rPh>
    <rPh sb="1" eb="3">
      <t>ヨドガワ</t>
    </rPh>
    <rPh sb="3" eb="4">
      <t>ク</t>
    </rPh>
    <phoneticPr fontId="3"/>
  </si>
  <si>
    <t>大阪市平野区瓜破西2-7-49 ﾆｭｰﾛｰﾀｽﾗｲﾌ2階</t>
    <phoneticPr fontId="3"/>
  </si>
  <si>
    <t>大阪市平野区流町1-1-6 山三ﾋﾞﾙ1階</t>
    <phoneticPr fontId="3"/>
  </si>
  <si>
    <t>大阪市生野区勝山南4-16-10</t>
  </si>
  <si>
    <t>医療法人　惠愛会クリニック畑森</t>
  </si>
  <si>
    <t>医療法人　馨秋会</t>
  </si>
  <si>
    <t>医療法人　泰泉会広瀬整形外科</t>
  </si>
  <si>
    <t>医療法人　北新会藤原耳鼻咽喉科医院</t>
  </si>
  <si>
    <t>医療法人　医神会</t>
  </si>
  <si>
    <t>医療法人　健人会</t>
  </si>
  <si>
    <t>大阪市東淀川区豊新5-18-2</t>
  </si>
  <si>
    <t>大阪市東淀川区豊里6-21-9</t>
  </si>
  <si>
    <t>大阪市東淀川区豊里6-4-14</t>
  </si>
  <si>
    <t>大阪市東成区玉津1-11-22</t>
  </si>
  <si>
    <t xml:space="preserve">大阪市東淀川区小松1-8-22 ｴｸｾﾚﾝﾄ上新8 </t>
    <phoneticPr fontId="3"/>
  </si>
  <si>
    <t>大阪市東住吉区西今川3-12-26</t>
  </si>
  <si>
    <t>大阪市東住吉区西今川3-7-11</t>
  </si>
  <si>
    <t>大阪市東住吉区鷹合1-14-7</t>
  </si>
  <si>
    <t>Ｈ23.6.3設立認可</t>
    <rPh sb="7" eb="9">
      <t>セツリツ</t>
    </rPh>
    <rPh sb="9" eb="11">
      <t>ニンカ</t>
    </rPh>
    <phoneticPr fontId="3"/>
  </si>
  <si>
    <t>医療法人　やすだ医院</t>
  </si>
  <si>
    <t>大阪市阿倍野区播磨町1-10-21 ﾄｰｸﾋﾞﾙ1階</t>
    <phoneticPr fontId="3"/>
  </si>
  <si>
    <t>住之江区</t>
    <phoneticPr fontId="3"/>
  </si>
  <si>
    <t>大阪市住之江区南港中2-1-99 南港ﾎﾟｰﾄﾀｳﾝ管理ｾﾝﾀｰ1階</t>
    <phoneticPr fontId="3"/>
  </si>
  <si>
    <t>医療法人　吉修会</t>
    <rPh sb="5" eb="7">
      <t>ヨシショウ</t>
    </rPh>
    <rPh sb="7" eb="8">
      <t>カイ</t>
    </rPh>
    <phoneticPr fontId="3"/>
  </si>
  <si>
    <t>大阪市天王寺区味原町13-3</t>
  </si>
  <si>
    <t xml:space="preserve">大阪市天王寺区上汐4-5-30 </t>
  </si>
  <si>
    <t>大阪市浪速区恵美須東1-3ｰ12</t>
  </si>
  <si>
    <t>医療法人　河村クリニック</t>
  </si>
  <si>
    <t>大阪市平野区平野北2-2-30</t>
  </si>
  <si>
    <t>大阪市平野区平野本町4-2-17</t>
  </si>
  <si>
    <t>医療法人　起生会</t>
    <rPh sb="0" eb="2">
      <t>イリョウ</t>
    </rPh>
    <rPh sb="2" eb="4">
      <t>ホウジン</t>
    </rPh>
    <rPh sb="5" eb="6">
      <t>オ</t>
    </rPh>
    <rPh sb="6" eb="7">
      <t>イ</t>
    </rPh>
    <rPh sb="7" eb="8">
      <t>カイ</t>
    </rPh>
    <phoneticPr fontId="3"/>
  </si>
  <si>
    <t>医療法人　吉祥会</t>
  </si>
  <si>
    <t>医療法人　青空会</t>
  </si>
  <si>
    <t>大阪市城東区関目5-17-32</t>
  </si>
  <si>
    <t>医療法人　大成会</t>
  </si>
  <si>
    <t>医療法人　白磁会</t>
  </si>
  <si>
    <t>医療法人　黒川診療所</t>
  </si>
  <si>
    <t>医療法人　普川歯科医院</t>
  </si>
  <si>
    <t>大阪市中央区谷町1-5-6 ｻﾝﾕｰ天満橋ﾋﾞﾙ 3階</t>
    <phoneticPr fontId="3"/>
  </si>
  <si>
    <t>大阪市東成区大今里南3-13-13</t>
  </si>
  <si>
    <t>大阪市中央区南船場3-12-9</t>
    <phoneticPr fontId="3"/>
  </si>
  <si>
    <t>医療法人　隅倉クリニック</t>
    <rPh sb="5" eb="6">
      <t>スミ</t>
    </rPh>
    <rPh sb="6" eb="7">
      <t>クラ</t>
    </rPh>
    <phoneticPr fontId="3"/>
  </si>
  <si>
    <t>医療法人　成義会</t>
  </si>
  <si>
    <t>大阪市東成区東中本1-4-17</t>
  </si>
  <si>
    <t>大阪市東成区東中本2-1-21</t>
  </si>
  <si>
    <t>大阪市東成区大今里3-14-23</t>
  </si>
  <si>
    <t>大阪市北区西天満2-6-8 堂島ﾋﾞﾙﾁﾞﾝｸﾞ1階</t>
  </si>
  <si>
    <t>大阪市北区中之島3-2-18</t>
  </si>
  <si>
    <t>大阪市北区長柄中1-5-16 ｸﾞﾗﾝﾄﾞｰﾙ有本1階</t>
  </si>
  <si>
    <t>都島区</t>
    <rPh sb="0" eb="3">
      <t>ミヤコジマク</t>
    </rPh>
    <phoneticPr fontId="3"/>
  </si>
  <si>
    <t>西区</t>
    <rPh sb="0" eb="1">
      <t>ニシ</t>
    </rPh>
    <rPh sb="1" eb="2">
      <t>オオニシ</t>
    </rPh>
    <phoneticPr fontId="3"/>
  </si>
  <si>
    <t>医療法人　葛西形成外科</t>
    <rPh sb="5" eb="7">
      <t>カサイ</t>
    </rPh>
    <rPh sb="7" eb="9">
      <t>ケイセイ</t>
    </rPh>
    <rPh sb="9" eb="11">
      <t>ゲカ</t>
    </rPh>
    <phoneticPr fontId="3"/>
  </si>
  <si>
    <t>医療法人　紅綾会</t>
    <rPh sb="5" eb="6">
      <t>ベニ</t>
    </rPh>
    <rPh sb="6" eb="7">
      <t>アヤ</t>
    </rPh>
    <rPh sb="7" eb="8">
      <t>カイ</t>
    </rPh>
    <phoneticPr fontId="3"/>
  </si>
  <si>
    <t>医療法人　竹安医院</t>
  </si>
  <si>
    <t>医療法人　湖稲会</t>
  </si>
  <si>
    <t>医療法人　いしだ会</t>
  </si>
  <si>
    <t>医療法人　医伸会</t>
  </si>
  <si>
    <t>医療法人　きたがわ眼科クリニック</t>
  </si>
  <si>
    <t>住之江区</t>
    <rPh sb="0" eb="4">
      <t>スミノエク</t>
    </rPh>
    <phoneticPr fontId="3"/>
  </si>
  <si>
    <t>生野区</t>
    <rPh sb="0" eb="3">
      <t>イクノク</t>
    </rPh>
    <phoneticPr fontId="3"/>
  </si>
  <si>
    <t>西成区</t>
    <rPh sb="0" eb="3">
      <t>ニシナリク</t>
    </rPh>
    <phoneticPr fontId="3"/>
  </si>
  <si>
    <t>中央区</t>
    <rPh sb="0" eb="3">
      <t>チュウオウク</t>
    </rPh>
    <phoneticPr fontId="3"/>
  </si>
  <si>
    <t>医療法人　修恩会</t>
  </si>
  <si>
    <t>医療法人　中井医院</t>
  </si>
  <si>
    <t>医療法人　柴医院</t>
  </si>
  <si>
    <t xml:space="preserve">大阪市東淀川区豊里7ｰ10ｰ17 ｼﾙﾊﾞｰｼｬﾄｰ1階 </t>
  </si>
  <si>
    <t>大阪市東成区深江北2-1-3</t>
  </si>
  <si>
    <t>大阪市東成区大今里4-27-32</t>
  </si>
  <si>
    <t>大阪市東成区大今里西1-6-33</t>
  </si>
  <si>
    <t>医療法人　松原眼科クリニック</t>
    <rPh sb="5" eb="7">
      <t>マツバラ</t>
    </rPh>
    <rPh sb="7" eb="9">
      <t>ガンカ</t>
    </rPh>
    <phoneticPr fontId="3"/>
  </si>
  <si>
    <t>医療法人　下肢静脈瘤研究会</t>
    <rPh sb="5" eb="7">
      <t>カシ</t>
    </rPh>
    <rPh sb="7" eb="10">
      <t>ジョウミャクリュウ</t>
    </rPh>
    <rPh sb="10" eb="13">
      <t>ケンキュウカイ</t>
    </rPh>
    <phoneticPr fontId="3"/>
  </si>
  <si>
    <t>医療法人　同仁会歯科クリニック</t>
    <rPh sb="8" eb="10">
      <t>シカ</t>
    </rPh>
    <phoneticPr fontId="3"/>
  </si>
  <si>
    <t>医療法人　大谷診療所</t>
  </si>
  <si>
    <t>医療法人　タツミ医院</t>
  </si>
  <si>
    <t>医療法人　ふくだクリニック</t>
    <phoneticPr fontId="3"/>
  </si>
  <si>
    <t>大阪市住之江区中加賀屋3-10-18 ﾄﾞﾘｰﾑ中加賀屋2階</t>
    <phoneticPr fontId="3"/>
  </si>
  <si>
    <t>医療法人　フクセ耳鼻咽喉科</t>
    <phoneticPr fontId="3"/>
  </si>
  <si>
    <t>大阪市住之江区新北島1-2-1 ｵｽｶｰﾄﾞﾘｰﾑ5階</t>
    <phoneticPr fontId="3"/>
  </si>
  <si>
    <t>医療法人　たにぐちクリニック</t>
  </si>
  <si>
    <t>医療法人　杏皇会</t>
  </si>
  <si>
    <t>医療法人　太一会</t>
  </si>
  <si>
    <t>医療法人　歌島上田クリニック</t>
  </si>
  <si>
    <t>医療法人　横山クリニック</t>
  </si>
  <si>
    <t>医療法人　尾崎歯科医院</t>
  </si>
  <si>
    <t>医療法人　宝寿会</t>
  </si>
  <si>
    <t>医療法人　朋晃会</t>
  </si>
  <si>
    <t>医療法人　北村小児歯科</t>
    <rPh sb="5" eb="6">
      <t>キタ</t>
    </rPh>
    <phoneticPr fontId="3"/>
  </si>
  <si>
    <t>大阪市住吉区帝塚山西1-1-23</t>
  </si>
  <si>
    <t>東成区</t>
    <rPh sb="0" eb="2">
      <t>ヒガシナリ</t>
    </rPh>
    <rPh sb="2" eb="3">
      <t>ク</t>
    </rPh>
    <phoneticPr fontId="3"/>
  </si>
  <si>
    <t>福島区</t>
    <rPh sb="0" eb="2">
      <t>フクシマ</t>
    </rPh>
    <rPh sb="2" eb="3">
      <t>ク</t>
    </rPh>
    <phoneticPr fontId="3"/>
  </si>
  <si>
    <t>医療法人　小泉内科</t>
  </si>
  <si>
    <t>医療法人　飯盛医院</t>
  </si>
  <si>
    <t>医療法人　山室会</t>
  </si>
  <si>
    <t>医療法人　聖会池澤クリニック</t>
  </si>
  <si>
    <t>医療法人　平井診療所</t>
  </si>
  <si>
    <t>医療法人　健生会</t>
  </si>
  <si>
    <t>医療法人　健佑会</t>
  </si>
  <si>
    <t>大阪市住吉区墨江3-17-34</t>
  </si>
  <si>
    <t>大阪市中央区心斎橋筋2-2-22 小大丸ﾋﾞﾙ4階</t>
    <phoneticPr fontId="3"/>
  </si>
  <si>
    <t>大阪市中央区心斎橋筋1-4-14 燕京ﾋﾞﾙ4階</t>
    <phoneticPr fontId="3"/>
  </si>
  <si>
    <t>大阪市都島区高倉町1-7-7</t>
    <rPh sb="0" eb="3">
      <t>オオサカシ</t>
    </rPh>
    <rPh sb="3" eb="6">
      <t>ミヤコジマク</t>
    </rPh>
    <rPh sb="6" eb="9">
      <t>タカクラマチ</t>
    </rPh>
    <phoneticPr fontId="1"/>
  </si>
  <si>
    <t>医療法人　芳朱会</t>
    <rPh sb="5" eb="6">
      <t>ヨシ</t>
    </rPh>
    <rPh sb="6" eb="7">
      <t>シュ</t>
    </rPh>
    <rPh sb="7" eb="8">
      <t>カイ</t>
    </rPh>
    <phoneticPr fontId="3"/>
  </si>
  <si>
    <t>医療法人　西中医学会</t>
    <rPh sb="5" eb="6">
      <t>ニシ</t>
    </rPh>
    <rPh sb="6" eb="7">
      <t>ナカ</t>
    </rPh>
    <rPh sb="7" eb="9">
      <t>イガク</t>
    </rPh>
    <rPh sb="9" eb="10">
      <t>カイ</t>
    </rPh>
    <phoneticPr fontId="3"/>
  </si>
  <si>
    <t>医療法人　玄竜会</t>
  </si>
  <si>
    <t>医療法人　みなとクリニック</t>
  </si>
  <si>
    <t>医療法人　今心会</t>
  </si>
  <si>
    <t xml:space="preserve">大阪市此花区伝法2-1-3 ｺｰﾎﾟ八木2階 </t>
    <phoneticPr fontId="3"/>
  </si>
  <si>
    <t>大阪市中央区難波3-5-17</t>
  </si>
  <si>
    <t>医療法人　慈心会</t>
  </si>
  <si>
    <t>医療法人　瓢成会</t>
  </si>
  <si>
    <t>医療法人　小池外科</t>
  </si>
  <si>
    <t>医療法人　飯島会</t>
  </si>
  <si>
    <t>医療法人　新生会</t>
    <rPh sb="5" eb="6">
      <t>シン</t>
    </rPh>
    <rPh sb="6" eb="7">
      <t>セイ</t>
    </rPh>
    <rPh sb="7" eb="8">
      <t>カイ</t>
    </rPh>
    <phoneticPr fontId="3"/>
  </si>
  <si>
    <t xml:space="preserve">大阪市阿倍野区王子町3-12-11 </t>
  </si>
  <si>
    <t>大阪市城東区永田3-2-25</t>
  </si>
  <si>
    <t>大阪市城東区関目5-16-19-103</t>
  </si>
  <si>
    <t>医療法人　田中クリニック</t>
  </si>
  <si>
    <t>医療法人　蘭畦会</t>
  </si>
  <si>
    <t>医療法人　宝樹会</t>
    <rPh sb="6" eb="7">
      <t>キ</t>
    </rPh>
    <rPh sb="7" eb="8">
      <t>カイ</t>
    </rPh>
    <phoneticPr fontId="3"/>
  </si>
  <si>
    <t>大阪市都島区高倉町1-10-5</t>
  </si>
  <si>
    <t>大阪市都島区東野田町2-4-8</t>
  </si>
  <si>
    <t>大阪市東成区神路1-6-5 M･Sｺｰﾄ 1･2階</t>
    <phoneticPr fontId="3"/>
  </si>
  <si>
    <t>大阪市生野区巽中2-22-13</t>
    <phoneticPr fontId="3"/>
  </si>
  <si>
    <t>大阪市城東区今福西2-13-12 ﾏｼﾞｪｽﾃｨｯｸ･ﾚｼﾞﾃﾞﾝｽ1階</t>
    <phoneticPr fontId="3"/>
  </si>
  <si>
    <t>医療法人　恒生堂</t>
    <rPh sb="5" eb="6">
      <t>ツネ</t>
    </rPh>
    <rPh sb="6" eb="7">
      <t>ナマ</t>
    </rPh>
    <rPh sb="7" eb="8">
      <t>ドウ</t>
    </rPh>
    <phoneticPr fontId="5"/>
  </si>
  <si>
    <t>医療法人　成瀬歯科医院</t>
    <rPh sb="5" eb="7">
      <t>ナルセ</t>
    </rPh>
    <phoneticPr fontId="3"/>
  </si>
  <si>
    <t>大阪市住之江区御崎1-6-8</t>
  </si>
  <si>
    <t>大阪市住之江区住之江2-7-18</t>
  </si>
  <si>
    <t>大阪市住之江区新北島3-3-21</t>
  </si>
  <si>
    <t>大阪市鶴見区今津南1-6-26</t>
  </si>
  <si>
    <t>大阪市東淀川区淡路4-32-20</t>
  </si>
  <si>
    <t>大阪市東淀川区東淡路4-33-1</t>
  </si>
  <si>
    <t>大阪市生野区巽南3-7-8</t>
  </si>
  <si>
    <t>大阪市生野区巽北2-17-15</t>
  </si>
  <si>
    <t>医療法人　沢井眼科</t>
  </si>
  <si>
    <t>大阪市東住吉区田辺4-5-10</t>
  </si>
  <si>
    <t>大阪市東住吉区東田辺2-11-29</t>
  </si>
  <si>
    <t>大阪市東住吉区東田辺2-27-8</t>
  </si>
  <si>
    <t>大阪市東住吉区湯里1-1-11</t>
  </si>
  <si>
    <t>大阪市東住吉区湯里1-14-13</t>
  </si>
  <si>
    <t>大阪市東住吉区湯里1-3-22</t>
  </si>
  <si>
    <t>医療法人　太陽会</t>
  </si>
  <si>
    <t>医療法人　大峯会</t>
  </si>
  <si>
    <t>医療法人　明絢会</t>
  </si>
  <si>
    <t>医療法人　滝田歯科医院</t>
  </si>
  <si>
    <t>医療法人　森岡歯科医院</t>
    <rPh sb="0" eb="2">
      <t>イリョウ</t>
    </rPh>
    <rPh sb="2" eb="4">
      <t>ホウジン</t>
    </rPh>
    <rPh sb="5" eb="7">
      <t>モリオカ</t>
    </rPh>
    <rPh sb="7" eb="9">
      <t>シカ</t>
    </rPh>
    <rPh sb="9" eb="11">
      <t>イイン</t>
    </rPh>
    <phoneticPr fontId="3"/>
  </si>
  <si>
    <t>医療法人　日新会</t>
  </si>
  <si>
    <t>医療法人　医修会</t>
  </si>
  <si>
    <t>医療法人　深津クリニック</t>
  </si>
  <si>
    <t>医療法人　脳神経外科日本橋病院</t>
  </si>
  <si>
    <t>医療法人　中本会</t>
  </si>
  <si>
    <t>医療法人　野中会</t>
  </si>
  <si>
    <t>医療法人　寺西報恩会</t>
  </si>
  <si>
    <t>医療法人　宮松会</t>
  </si>
  <si>
    <t>医療法人　神子田医院</t>
  </si>
  <si>
    <t>医療法人　康裕会寺浦歯科医院</t>
  </si>
  <si>
    <t>医療法人　森内科</t>
  </si>
  <si>
    <t>大阪市生野区巽南1-12-5 ｱｲﾋﾞｰﾌﾗｯﾄ1階</t>
    <phoneticPr fontId="3"/>
  </si>
  <si>
    <t>医療法人　上善会</t>
  </si>
  <si>
    <t>医療法人　川嵜耳鼻咽喉科</t>
  </si>
  <si>
    <t>医療法人　優清会</t>
    <rPh sb="0" eb="2">
      <t>イリョウ</t>
    </rPh>
    <rPh sb="2" eb="4">
      <t>ホウジン</t>
    </rPh>
    <rPh sb="5" eb="6">
      <t>ユウ</t>
    </rPh>
    <rPh sb="6" eb="7">
      <t>キヨシ</t>
    </rPh>
    <rPh sb="7" eb="8">
      <t>カイ</t>
    </rPh>
    <phoneticPr fontId="3"/>
  </si>
  <si>
    <t>大阪市此花区西九条4-2-26</t>
  </si>
  <si>
    <t>医療法人　燕会</t>
    <rPh sb="5" eb="6">
      <t>ツバメ</t>
    </rPh>
    <rPh sb="6" eb="7">
      <t>カイ</t>
    </rPh>
    <phoneticPr fontId="3"/>
  </si>
  <si>
    <t>医療法人　ウマノ整形外科クリニック</t>
  </si>
  <si>
    <t>医療法人　今村医院</t>
  </si>
  <si>
    <t>医療法人　ともえ会</t>
    <phoneticPr fontId="3"/>
  </si>
  <si>
    <t>大阪市東淀川区淡路5-11-1</t>
    <rPh sb="0" eb="3">
      <t>オオサカシ</t>
    </rPh>
    <rPh sb="3" eb="7">
      <t>ヒガシヨドガワク</t>
    </rPh>
    <rPh sb="7" eb="9">
      <t>アワジ</t>
    </rPh>
    <phoneticPr fontId="3"/>
  </si>
  <si>
    <t>医療法人　光優会</t>
    <rPh sb="0" eb="2">
      <t>イリョウ</t>
    </rPh>
    <rPh sb="2" eb="4">
      <t>ホウジン</t>
    </rPh>
    <rPh sb="5" eb="6">
      <t>コウ</t>
    </rPh>
    <rPh sb="6" eb="7">
      <t>ユウ</t>
    </rPh>
    <rPh sb="7" eb="8">
      <t>カイ</t>
    </rPh>
    <phoneticPr fontId="3"/>
  </si>
  <si>
    <t>大阪市天王寺区空堀町1-19</t>
  </si>
  <si>
    <t>大阪市天王寺区寺田町2-4-7</t>
  </si>
  <si>
    <t>医療法人　小路眼科クリニック</t>
  </si>
  <si>
    <t>大阪市城東区古市3-24-18</t>
  </si>
  <si>
    <t>大阪市城東区今福西1-12-3</t>
  </si>
  <si>
    <t>大阪市城東区今福西1-2-8</t>
  </si>
  <si>
    <t>大阪市城東区今福西3-1-16</t>
  </si>
  <si>
    <t>大阪市住吉区南住吉1-3-5</t>
  </si>
  <si>
    <t>大阪市住吉区南住吉4-1-14</t>
  </si>
  <si>
    <t>大阪市住吉区南住吉4-8-10</t>
  </si>
  <si>
    <t>大阪市住吉区万代2-8-11</t>
  </si>
  <si>
    <t>大阪市住吉区万代5-14-1</t>
  </si>
  <si>
    <t>大阪市住吉区沢之町1-1-16</t>
  </si>
  <si>
    <t xml:space="preserve">大阪市住吉区長居東4ｰ11ｰ8 </t>
  </si>
  <si>
    <t>大阪市東住吉区駒川1-10-21</t>
  </si>
  <si>
    <t>大阪市東住吉区駒川1-9-9</t>
  </si>
  <si>
    <t>大阪市東住吉区駒川4-12-5</t>
  </si>
  <si>
    <t>大阪市東住吉区桑津3-12-18</t>
  </si>
  <si>
    <t>医療法人　正真会</t>
  </si>
  <si>
    <t>医療法人　志世会</t>
    <rPh sb="5" eb="6">
      <t>ココロザシ</t>
    </rPh>
    <phoneticPr fontId="3"/>
  </si>
  <si>
    <t>医療法人　審美会</t>
  </si>
  <si>
    <t>大阪市浪速区幸町1-2-2</t>
  </si>
  <si>
    <t>大阪市浪速区桜川4-11-16 ｱﾘﾀﾋﾞﾙ1階</t>
  </si>
  <si>
    <t>医療法人　尚清会</t>
    <rPh sb="0" eb="2">
      <t>イリョウ</t>
    </rPh>
    <rPh sb="2" eb="4">
      <t>ホウジン</t>
    </rPh>
    <rPh sb="5" eb="6">
      <t>ナオ</t>
    </rPh>
    <rPh sb="6" eb="7">
      <t>キヨシ</t>
    </rPh>
    <rPh sb="7" eb="8">
      <t>カイ</t>
    </rPh>
    <phoneticPr fontId="3"/>
  </si>
  <si>
    <t>大阪市東住吉区北田辺2-5-7 ｱﾓｰﾚ美章園1階</t>
    <phoneticPr fontId="3"/>
  </si>
  <si>
    <t xml:space="preserve">大阪市平野区加美南5-6-7 </t>
    <phoneticPr fontId="3"/>
  </si>
  <si>
    <t>医療法人　きぬがわ内科循環器内科</t>
    <rPh sb="0" eb="2">
      <t>イリョウ</t>
    </rPh>
    <rPh sb="2" eb="4">
      <t>ホウジン</t>
    </rPh>
    <rPh sb="9" eb="11">
      <t>ナイカ</t>
    </rPh>
    <rPh sb="11" eb="14">
      <t>ジュンカンキ</t>
    </rPh>
    <rPh sb="14" eb="16">
      <t>ナイカ</t>
    </rPh>
    <phoneticPr fontId="3"/>
  </si>
  <si>
    <t>大阪市都島区友渕町3-4-22-104</t>
  </si>
  <si>
    <t>大阪市福島区鷺州2-12-20</t>
  </si>
  <si>
    <t>大阪市住之江区御崎5-19-20</t>
  </si>
  <si>
    <t>大阪市淀川区加島2-4-8</t>
  </si>
  <si>
    <t>大阪市東淀川区豊新5-15-25</t>
  </si>
  <si>
    <t>大阪市東成区深江南2-20-15</t>
  </si>
  <si>
    <t>大阪市東成区中道4-13-12</t>
  </si>
  <si>
    <t>大阪市東成区深江南2-7-23</t>
  </si>
  <si>
    <t>北区</t>
    <phoneticPr fontId="3"/>
  </si>
  <si>
    <t>医療法人　松歯会</t>
  </si>
  <si>
    <t>大阪市鶴見区鶴見3-13-35 ｸﾘｰﾝﾋﾞｭｰつるみ2階1号</t>
    <rPh sb="30" eb="31">
      <t>ゴウ</t>
    </rPh>
    <phoneticPr fontId="3"/>
  </si>
  <si>
    <t>北区</t>
    <rPh sb="0" eb="1">
      <t>キタ</t>
    </rPh>
    <rPh sb="1" eb="2">
      <t>ク</t>
    </rPh>
    <phoneticPr fontId="3"/>
  </si>
  <si>
    <t>大阪市都島区片町2-4-5 京橋駅前ﾋﾞﾙ地下1階</t>
    <phoneticPr fontId="3"/>
  </si>
  <si>
    <t>大阪市都島区都島中通3-11-8</t>
    <phoneticPr fontId="3"/>
  </si>
  <si>
    <t>大阪市天王寺区小橋町14-46</t>
  </si>
  <si>
    <t>大阪市天王寺区生玉寺町4-38</t>
  </si>
  <si>
    <t>大阪市天王寺区大道4-2-21</t>
  </si>
  <si>
    <t>大阪市城東区関目1-3-11</t>
  </si>
  <si>
    <t>医療法人　速水皮膚科</t>
  </si>
  <si>
    <t>大阪市淀川区三津屋北1-16-13</t>
  </si>
  <si>
    <t>大阪市西淀川区御幣島1-4-9</t>
  </si>
  <si>
    <t>大阪市西淀川区出来島2-9-5</t>
  </si>
  <si>
    <t>大阪市西淀川区大和田3-8-17</t>
  </si>
  <si>
    <t>大阪市西淀川区佃3-19-99</t>
  </si>
  <si>
    <t>医療法人　ハマダ眼科</t>
  </si>
  <si>
    <t>医療法人　康純会</t>
  </si>
  <si>
    <t>大阪市此花区四貫島1-9-10</t>
    <phoneticPr fontId="3"/>
  </si>
  <si>
    <t>大阪市中央区南船場3-3-17 ﾎﾃﾙﾄﾗｽﾃｨｰ心斎橋2階</t>
    <phoneticPr fontId="3"/>
  </si>
  <si>
    <t>大阪市淀川区三国本町3-26-16</t>
  </si>
  <si>
    <t>大阪市淀川区三津屋南2-17-12</t>
  </si>
  <si>
    <t>大阪市淀川区三津屋北1-6-18</t>
  </si>
  <si>
    <t>医療法人　近江眼科</t>
    <rPh sb="5" eb="7">
      <t>オオミ</t>
    </rPh>
    <rPh sb="7" eb="9">
      <t>ガンカ</t>
    </rPh>
    <phoneticPr fontId="3"/>
  </si>
  <si>
    <t>大阪市福島区玉川2-12-16</t>
    <rPh sb="3" eb="6">
      <t>フクシマク</t>
    </rPh>
    <rPh sb="6" eb="8">
      <t>タマガワ</t>
    </rPh>
    <phoneticPr fontId="3"/>
  </si>
  <si>
    <t>大阪市中央区難波5-1-5 高島屋</t>
    <phoneticPr fontId="3"/>
  </si>
  <si>
    <t>大阪市淀川区三津屋北1-5-20 神崎川ﾋﾞﾙ2階</t>
  </si>
  <si>
    <t>大阪市淀川区十三元今里2-21-12</t>
  </si>
  <si>
    <t>大阪市淀川区十三東2-6-18</t>
  </si>
  <si>
    <t>大阪市中央区心斎橋筋1-7-1 (株)大丸中2階</t>
    <phoneticPr fontId="3"/>
  </si>
  <si>
    <t>大阪市港区波除2-6-2</t>
    <phoneticPr fontId="3"/>
  </si>
  <si>
    <t xml:space="preserve">大阪市大正区三軒家西1-2-7 石原ﾋﾞﾙ4階 </t>
    <phoneticPr fontId="3"/>
  </si>
  <si>
    <t>大阪市大正区三軒家東1-19-14 太陽生命大阪西ﾋﾞﾙ2階</t>
    <phoneticPr fontId="3"/>
  </si>
  <si>
    <t>大阪市大正区三軒家東4-10-31</t>
    <phoneticPr fontId="3"/>
  </si>
  <si>
    <t>大正区</t>
    <phoneticPr fontId="3"/>
  </si>
  <si>
    <t>大阪市大正区泉尾3-11-24 ﾌﾟﾛﾆﾃｨ江川1階A</t>
    <phoneticPr fontId="3"/>
  </si>
  <si>
    <t>大阪市大正区泉尾4-17-12 東洋ﾌﾟﾗｻﾞ泉尾1階</t>
    <phoneticPr fontId="3"/>
  </si>
  <si>
    <t xml:space="preserve">大阪市大正区泉尾3-3-22 </t>
    <phoneticPr fontId="3"/>
  </si>
  <si>
    <t>大阪市西区北堀江1-3-2 ｵｰｸ四ﾂ橋ﾋﾞﾙ2階3階</t>
    <phoneticPr fontId="3"/>
  </si>
  <si>
    <t>医療法人　長谷川耳鼻咽喉科</t>
    <phoneticPr fontId="3"/>
  </si>
  <si>
    <t>大阪市西成区天下茶屋2-7-9</t>
    <phoneticPr fontId="3"/>
  </si>
  <si>
    <t>大阪市生野区鶴橋2ｰ16-7</t>
  </si>
  <si>
    <t>大阪市生野区鶴橋5-21-7</t>
  </si>
  <si>
    <t>大阪市生野区田島1-12-14</t>
  </si>
  <si>
    <t>大阪市生野区田島4-6-18</t>
  </si>
  <si>
    <t>医療法人　博和会</t>
  </si>
  <si>
    <t>医療法人　善心会　いせき整形外科</t>
  </si>
  <si>
    <t>医療法人　博友会</t>
  </si>
  <si>
    <t>医療法人　成仁会酒井医院</t>
  </si>
  <si>
    <t>大阪市旭区清水3-26-14</t>
  </si>
  <si>
    <t>大阪市旭区清水5-13-22</t>
  </si>
  <si>
    <t>大阪市旭区大宮1-20-19</t>
  </si>
  <si>
    <t>医療法人　恵翔会</t>
  </si>
  <si>
    <t>医療法人　エイアンドディ</t>
  </si>
  <si>
    <t>医療法人　翔永会</t>
  </si>
  <si>
    <t>医療法人　住寿会</t>
  </si>
  <si>
    <t>医療法人　福田クリニック</t>
  </si>
  <si>
    <t>医療法人　須田歯科</t>
  </si>
  <si>
    <t>医療法人　千樹会伊藤クリニック</t>
  </si>
  <si>
    <t>医療法人　音在医院</t>
  </si>
  <si>
    <t>医療法人　とおやま耳鼻咽喉科</t>
  </si>
  <si>
    <t>医療法人　聖誕会</t>
  </si>
  <si>
    <t>医療法人　春次会</t>
  </si>
  <si>
    <t>医療法人　聖徳会</t>
    <rPh sb="5" eb="6">
      <t>セイ</t>
    </rPh>
    <rPh sb="6" eb="7">
      <t>トク</t>
    </rPh>
    <rPh sb="7" eb="8">
      <t>カイ</t>
    </rPh>
    <phoneticPr fontId="3"/>
  </si>
  <si>
    <t>医療法人　鈴木医院</t>
    <rPh sb="7" eb="9">
      <t>イイン</t>
    </rPh>
    <phoneticPr fontId="3"/>
  </si>
  <si>
    <t>医療法人　カメリア</t>
    <phoneticPr fontId="3"/>
  </si>
  <si>
    <t>大阪市東住吉区東田辺1-17-12 ﾄｷﾜﾋﾞﾙ1階</t>
    <phoneticPr fontId="3"/>
  </si>
  <si>
    <t>医療法人　大下歯科</t>
  </si>
  <si>
    <t>医療法人　杉本眼科</t>
  </si>
  <si>
    <t>医療法人　誠歯会</t>
  </si>
  <si>
    <t>医療法人　杉本医院</t>
  </si>
  <si>
    <t>医療法人　小倉歯科医院</t>
  </si>
  <si>
    <t>医療法人　サクラ会</t>
    <rPh sb="8" eb="9">
      <t>カイ</t>
    </rPh>
    <phoneticPr fontId="5"/>
  </si>
  <si>
    <t>大阪市天王寺区大道3-5-10 ﾌﾞﾙｰｼﾞｭ天王寺101号</t>
    <rPh sb="29" eb="30">
      <t>ゴウ</t>
    </rPh>
    <phoneticPr fontId="3"/>
  </si>
  <si>
    <t>医療法人　きたはらファミリークリニック</t>
    <rPh sb="0" eb="2">
      <t>イリョウ</t>
    </rPh>
    <rPh sb="2" eb="4">
      <t>ホウジン</t>
    </rPh>
    <phoneticPr fontId="3"/>
  </si>
  <si>
    <t>大阪市大正区泉尾1-5-17</t>
  </si>
  <si>
    <t>大阪市大正区鶴町1-4-6</t>
  </si>
  <si>
    <t>大阪市大正区平尾4-22-15</t>
  </si>
  <si>
    <t>大阪市大正区平尾4-23-13</t>
  </si>
  <si>
    <t>大阪市大正区平尾5-18-13</t>
  </si>
  <si>
    <t>大阪市大正区北村1-1-1</t>
  </si>
  <si>
    <t>大阪市大正区三軒家東6-8-14</t>
  </si>
  <si>
    <t xml:space="preserve">大阪市西成区鶴見橋1-5-12 </t>
  </si>
  <si>
    <t>大阪市港区弁天4-5-3</t>
  </si>
  <si>
    <t>大阪市港区夕凪1-11-23</t>
  </si>
  <si>
    <t>大阪市大正区三軒家西1-2-9</t>
  </si>
  <si>
    <t>大阪市生野区舎利寺1-5-22</t>
  </si>
  <si>
    <t>大阪市生野区舎利寺3-8-3</t>
  </si>
  <si>
    <t>大阪市平野区長吉川辺１-北2-33</t>
    <rPh sb="0" eb="3">
      <t>オオサカシ</t>
    </rPh>
    <rPh sb="3" eb="6">
      <t>ヒラノク</t>
    </rPh>
    <rPh sb="6" eb="8">
      <t>ナガヨシ</t>
    </rPh>
    <rPh sb="8" eb="10">
      <t>カワベ</t>
    </rPh>
    <rPh sb="12" eb="13">
      <t>キタ</t>
    </rPh>
    <phoneticPr fontId="3"/>
  </si>
  <si>
    <t>大阪市西成区旭1-8-1</t>
    <rPh sb="0" eb="2">
      <t>オオサカ</t>
    </rPh>
    <rPh sb="2" eb="3">
      <t>シ</t>
    </rPh>
    <rPh sb="3" eb="6">
      <t>ニシナリク</t>
    </rPh>
    <rPh sb="6" eb="7">
      <t>アサヒ</t>
    </rPh>
    <phoneticPr fontId="5"/>
  </si>
  <si>
    <t>大阪市北区梅田2-6-20　パシフィックマークス西梅田14階</t>
    <rPh sb="0" eb="2">
      <t>オオサカ</t>
    </rPh>
    <rPh sb="2" eb="3">
      <t>シ</t>
    </rPh>
    <rPh sb="3" eb="5">
      <t>キタク</t>
    </rPh>
    <rPh sb="5" eb="7">
      <t>ウメダ</t>
    </rPh>
    <rPh sb="24" eb="25">
      <t>ニシ</t>
    </rPh>
    <rPh sb="25" eb="27">
      <t>ウメダ</t>
    </rPh>
    <rPh sb="29" eb="30">
      <t>カイ</t>
    </rPh>
    <phoneticPr fontId="1"/>
  </si>
  <si>
    <t>医療法人　晃和会</t>
  </si>
  <si>
    <t>大阪市平野区平野本町2-6-32</t>
  </si>
  <si>
    <t>大阪市平野区平野本町3-12-5</t>
  </si>
  <si>
    <t>大阪市平野区平野本町3-5-1</t>
  </si>
  <si>
    <t>医療法人　小嶋整形外科</t>
  </si>
  <si>
    <t>医療法人　山野会</t>
  </si>
  <si>
    <t>医療法人　紘祥会</t>
    <rPh sb="5" eb="6">
      <t>コウ</t>
    </rPh>
    <rPh sb="6" eb="7">
      <t>ショウ</t>
    </rPh>
    <rPh sb="7" eb="8">
      <t>カイ</t>
    </rPh>
    <phoneticPr fontId="3"/>
  </si>
  <si>
    <t>大阪市中央区島之内2-15-4</t>
  </si>
  <si>
    <t>医療法人　健口会</t>
    <rPh sb="0" eb="2">
      <t>イリョウ</t>
    </rPh>
    <rPh sb="2" eb="4">
      <t>ホウジン</t>
    </rPh>
    <rPh sb="5" eb="8">
      <t>ケンクチカイ</t>
    </rPh>
    <phoneticPr fontId="3"/>
  </si>
  <si>
    <t>医療法人　髙田歯科医院</t>
  </si>
  <si>
    <t>大阪市住之江区南港中2-1-99 大阪南港ﾎﾟｰﾄﾀｳﾝ管理ｾﾝﾀｰ</t>
    <phoneticPr fontId="3"/>
  </si>
  <si>
    <t>大阪市住之江区南港中3-4-79</t>
    <phoneticPr fontId="3"/>
  </si>
  <si>
    <t>大阪市住吉区苅田5-15-13 Sﾋﾞﾙ3階</t>
    <phoneticPr fontId="3"/>
  </si>
  <si>
    <t>医療法人　梓良成会</t>
  </si>
  <si>
    <t>大阪市中央区難波4-2-4 ﾔｼﾏ御堂筋ﾋﾞﾙ6階</t>
    <phoneticPr fontId="3"/>
  </si>
  <si>
    <t>医療法人　和田医院</t>
    <rPh sb="7" eb="9">
      <t>イイン</t>
    </rPh>
    <phoneticPr fontId="3"/>
  </si>
  <si>
    <t>医療法人　前田診療所</t>
  </si>
  <si>
    <t>医療法人　眼科いしくらクリニック</t>
  </si>
  <si>
    <t>医療法人　大屋耳鼻咽喉科</t>
  </si>
  <si>
    <t>医療法人　河合整形外科・内科</t>
  </si>
  <si>
    <t>医療法人　マツシマ眼科クリニック</t>
  </si>
  <si>
    <t>此花区</t>
    <rPh sb="0" eb="3">
      <t>コノハナク</t>
    </rPh>
    <phoneticPr fontId="3"/>
  </si>
  <si>
    <t>住吉区</t>
    <rPh sb="0" eb="3">
      <t>スミヨシク</t>
    </rPh>
    <phoneticPr fontId="3"/>
  </si>
  <si>
    <t>大阪市鶴見区今津南1-5-41 鶴見ｸﾞﾘｰﾝﾚｼﾞﾃﾞﾝｽ1階</t>
    <phoneticPr fontId="3"/>
  </si>
  <si>
    <t>大阪市鶴見区浜2-1-37</t>
  </si>
  <si>
    <t>大阪市鶴見区放出東2-4-1</t>
  </si>
  <si>
    <t xml:space="preserve">大阪市浪速区難波中2-10-70 ﾊﾟｰｸｽﾀﾜｰ8階 </t>
  </si>
  <si>
    <t>大阪市浪速区敷津西1-1-9</t>
  </si>
  <si>
    <t>大阪市西淀川区歌島1-11-3</t>
  </si>
  <si>
    <t>大阪市旭区今市2-3-21 ヴｨﾗ千林1階</t>
    <phoneticPr fontId="3"/>
  </si>
  <si>
    <t>医療法人　葛西医院</t>
  </si>
  <si>
    <t>医療法人　池岡耳鼻咽喉科</t>
  </si>
  <si>
    <t>医療法人　恵仁会</t>
  </si>
  <si>
    <t>医療法人　吉田会ヨシダ外科</t>
  </si>
  <si>
    <t>医療法人　石見医院</t>
  </si>
  <si>
    <t>医療法人　今津歯科医院</t>
  </si>
  <si>
    <t>医療法人　上町会ナベヤクリニック</t>
  </si>
  <si>
    <t>医療法人　井上クリニック</t>
  </si>
  <si>
    <t>大阪市鶴見区横堤1-1-5</t>
    <phoneticPr fontId="3"/>
  </si>
  <si>
    <t>医療法人　橋本眼科医院</t>
    <rPh sb="7" eb="9">
      <t>ガンカ</t>
    </rPh>
    <phoneticPr fontId="3"/>
  </si>
  <si>
    <t>医療法人　藤村歯科クリニック</t>
  </si>
  <si>
    <t>医療法人　岩切診療所</t>
  </si>
  <si>
    <t>医療法人　上野外科</t>
  </si>
  <si>
    <t>医療法人　福井整形外科クリニック</t>
  </si>
  <si>
    <t>医療法人　宇野耳鼻咽喉科</t>
  </si>
  <si>
    <t>医療法人　生野内科クリニック</t>
  </si>
  <si>
    <t>医療法人　鹿野苑会</t>
  </si>
  <si>
    <t>医療法人　敬生会</t>
  </si>
  <si>
    <t>大阪市浪速区日本橋5-4-5</t>
  </si>
  <si>
    <t>大阪市浪速区日本橋東3-11-6</t>
  </si>
  <si>
    <t>大阪市浪速区日本橋東3-7-7 川田ﾋﾞﾙ2階</t>
  </si>
  <si>
    <t>大阪市西淀川区出来島1-4-18</t>
  </si>
  <si>
    <t>大阪市都島区大東町2-22-9</t>
  </si>
  <si>
    <t>大阪市都島区都島本通3-7-8</t>
  </si>
  <si>
    <t>大阪市都島区東野田町2-2-21</t>
  </si>
  <si>
    <t xml:space="preserve">大阪市都島区内代町2-3-24 </t>
  </si>
  <si>
    <t>大阪市西区江戸堀1-24-18</t>
    <phoneticPr fontId="3"/>
  </si>
  <si>
    <t>大阪市天王寺区烏ヶ辻1-3-24 K'Sｽｸｴｱ4階</t>
    <phoneticPr fontId="3"/>
  </si>
  <si>
    <t>大阪市天王寺区悲田院町10-39 天王寺ﾀｰﾐﾅﾙﾋﾞﾙ4階</t>
    <phoneticPr fontId="3"/>
  </si>
  <si>
    <t>医療法人　おくだ歯科医院</t>
  </si>
  <si>
    <t>医療法人　緒方会</t>
  </si>
  <si>
    <t>医療法人　板東医院</t>
  </si>
  <si>
    <t>医療法人　酒井診療所</t>
  </si>
  <si>
    <t>大阪市天王寺区南河堀町9-40 ｷｬﾝﾍﾞﾗﾋﾞﾙ1階</t>
    <phoneticPr fontId="3"/>
  </si>
  <si>
    <t>大阪市北区中崎3-4-22-413</t>
  </si>
  <si>
    <t>大阪市城東区今福東1-7-5</t>
  </si>
  <si>
    <t>大阪市城東区今福東2-15-24</t>
  </si>
  <si>
    <t>大阪市城東区今福東3-5-21</t>
  </si>
  <si>
    <t>大阪市城東区鴫野西4-2-26</t>
  </si>
  <si>
    <t>大阪市城東区古市2-3-25</t>
  </si>
  <si>
    <t>大阪市城東区今福西1-1-13</t>
  </si>
  <si>
    <t>大阪市北区茶屋町1-27</t>
    <phoneticPr fontId="3"/>
  </si>
  <si>
    <t>大阪市鶴見区緑3-2-15</t>
  </si>
  <si>
    <t>大阪市中央区谷町7-2-28</t>
  </si>
  <si>
    <t>大阪市中央区島之内1-7-18</t>
  </si>
  <si>
    <t>医療法人　幸恵会</t>
  </si>
  <si>
    <t>医療法人　皓隆会</t>
  </si>
  <si>
    <t>大阪市北区浪花町14-1</t>
    <phoneticPr fontId="3"/>
  </si>
  <si>
    <t>大阪市北区神山町1-7 ｱｰﾊﾞﾈｯｸｽ神山町ﾋﾞﾙ2D</t>
    <phoneticPr fontId="3"/>
  </si>
  <si>
    <t>大阪市北区神山町1-7 ｱｰﾊﾞﾈｯｸｽ神山町ﾋﾞﾙ5階</t>
    <phoneticPr fontId="3"/>
  </si>
  <si>
    <t>淀川区</t>
  </si>
  <si>
    <t>医療法人　愛歯会</t>
  </si>
  <si>
    <t>大阪市平野区長吉長原3ｰ7ｰ15</t>
  </si>
  <si>
    <t>大阪市平野区長吉長原4-1-17</t>
  </si>
  <si>
    <t>大阪市平野区長吉長原東2-1-4</t>
  </si>
  <si>
    <t>大阪市平野区長吉長原東3-2-33</t>
  </si>
  <si>
    <t>大阪市平野区長吉長原東3-2-5</t>
  </si>
  <si>
    <t>大阪市平野区長吉六反3-21-13</t>
  </si>
  <si>
    <t>大阪市住吉区遠里小野1-12-9</t>
  </si>
  <si>
    <t>大阪市住吉区我孫子西2-7-7</t>
  </si>
  <si>
    <t>大阪市中央区道修町2-2-11</t>
  </si>
  <si>
    <t>大阪市中央区谷町6-17-22</t>
  </si>
  <si>
    <t>医療法人　山本皮膚科</t>
  </si>
  <si>
    <t>大阪市大正区三軒家東1-19-3</t>
  </si>
  <si>
    <t>大阪市東住吉区駒川3-1-7</t>
    <phoneticPr fontId="3"/>
  </si>
  <si>
    <t>医療法人　やまさき皮フ科</t>
  </si>
  <si>
    <t>医療法人　岡藤会</t>
  </si>
  <si>
    <t>阿倍野区</t>
    <rPh sb="0" eb="4">
      <t>アベノク</t>
    </rPh>
    <phoneticPr fontId="3"/>
  </si>
  <si>
    <t>医療法人　三恵会長崎歯科医院</t>
  </si>
  <si>
    <t>医療法人　奥内科・循環器科</t>
  </si>
  <si>
    <t>大阪市東淀川区瑞光1-12-12</t>
  </si>
  <si>
    <t xml:space="preserve">大阪市東淀川区瑞光4-7-2 </t>
  </si>
  <si>
    <t>大阪市東淀川区菅原5-7-11</t>
  </si>
  <si>
    <t>大阪市東淀川区西淡路1-16-13</t>
  </si>
  <si>
    <t>大阪市東淀川区大桐1-16-11</t>
  </si>
  <si>
    <t>医療法人　東永内科リウマチ科</t>
    <rPh sb="13" eb="14">
      <t>カ</t>
    </rPh>
    <phoneticPr fontId="3"/>
  </si>
  <si>
    <t>医療法人　桂輝会かつらぎクリニック</t>
    <phoneticPr fontId="3"/>
  </si>
  <si>
    <t>大阪市東成区大今里西1-26-5</t>
    <phoneticPr fontId="3"/>
  </si>
  <si>
    <t>医療法人　あさい内科</t>
    <phoneticPr fontId="3"/>
  </si>
  <si>
    <t>大阪市生野区新今里2-4-15 ﾐﾅﾋﾛﾊｲﾂ1階</t>
    <phoneticPr fontId="3"/>
  </si>
  <si>
    <t>医療法人　杏山会山北内科クリニック</t>
  </si>
  <si>
    <t>医療法人　久志会</t>
  </si>
  <si>
    <t>医療法人　侑恵会</t>
    <rPh sb="5" eb="6">
      <t>ユウ</t>
    </rPh>
    <rPh sb="6" eb="7">
      <t>ケイ</t>
    </rPh>
    <rPh sb="7" eb="8">
      <t>カイ</t>
    </rPh>
    <phoneticPr fontId="3"/>
  </si>
  <si>
    <t>医療法人　小山眼科</t>
  </si>
  <si>
    <t>医療法人　原外科</t>
  </si>
  <si>
    <t>大阪市中央区常磐町2-2-5 大阪柳屋ﾋﾞﾙ7階</t>
    <phoneticPr fontId="3"/>
  </si>
  <si>
    <t>大阪市浪速区湊町1-4-48</t>
  </si>
  <si>
    <t>大阪市西淀川区柏里1-14-13</t>
  </si>
  <si>
    <t>大阪市西淀川区大野2-1-32</t>
  </si>
  <si>
    <t>大阪市西淀川区大和田6-13-48</t>
  </si>
  <si>
    <t>大阪市西淀川区姫島2-17-21</t>
  </si>
  <si>
    <t>医療法人　森川眼科医院</t>
  </si>
  <si>
    <t>医療法人　ラ・クォール会</t>
    <rPh sb="11" eb="12">
      <t>カイ</t>
    </rPh>
    <phoneticPr fontId="3"/>
  </si>
  <si>
    <t>医療法人　慶秋会</t>
    <rPh sb="5" eb="6">
      <t>ケイ</t>
    </rPh>
    <rPh sb="6" eb="7">
      <t>アキ</t>
    </rPh>
    <rPh sb="7" eb="8">
      <t>カイ</t>
    </rPh>
    <phoneticPr fontId="3"/>
  </si>
  <si>
    <t>医療法人　木佐貫整形外科</t>
  </si>
  <si>
    <t>医療法人　京医院</t>
  </si>
  <si>
    <t>医療法人　木内眼科</t>
  </si>
  <si>
    <t>医療法人　北野クリニック</t>
  </si>
  <si>
    <t>大阪市東住吉区桑津5-4-23</t>
  </si>
  <si>
    <t>大阪市東住吉区杭全1-4-20</t>
  </si>
  <si>
    <t>医療法人　山尾診療所</t>
  </si>
  <si>
    <t>医療法人　医祐会伊藤クリニック</t>
  </si>
  <si>
    <t>医療法人　徳田クリニック</t>
  </si>
  <si>
    <t>医療法人　紅鶴会竹岡医院</t>
  </si>
  <si>
    <t>西区</t>
    <rPh sb="0" eb="1">
      <t>ニシ</t>
    </rPh>
    <rPh sb="1" eb="2">
      <t>ク</t>
    </rPh>
    <phoneticPr fontId="3"/>
  </si>
  <si>
    <t>生野区</t>
    <rPh sb="0" eb="2">
      <t>イクノ</t>
    </rPh>
    <rPh sb="2" eb="3">
      <t>ク</t>
    </rPh>
    <phoneticPr fontId="3"/>
  </si>
  <si>
    <t>港区</t>
    <rPh sb="0" eb="1">
      <t>ミナト</t>
    </rPh>
    <rPh sb="1" eb="2">
      <t>ク</t>
    </rPh>
    <phoneticPr fontId="3"/>
  </si>
  <si>
    <t>医療法人　しばた皮フ科クリニック</t>
  </si>
  <si>
    <t>医療法人　良和会</t>
    <rPh sb="5" eb="6">
      <t>リョウ</t>
    </rPh>
    <rPh sb="6" eb="7">
      <t>ワ</t>
    </rPh>
    <rPh sb="7" eb="8">
      <t>カイ</t>
    </rPh>
    <phoneticPr fontId="5"/>
  </si>
  <si>
    <t>医療法人　光風会江口医院</t>
  </si>
  <si>
    <t>医療法人　相馬会</t>
  </si>
  <si>
    <t>医療法人　フジイ内科クリニック</t>
  </si>
  <si>
    <t>医療法人　友愛会</t>
    <rPh sb="5" eb="7">
      <t>ユウアイ</t>
    </rPh>
    <phoneticPr fontId="3"/>
  </si>
  <si>
    <t>大阪市東住吉区湯里6-2-23</t>
  </si>
  <si>
    <t xml:space="preserve">大阪市東住吉区北田辺4-8-7 </t>
  </si>
  <si>
    <t>大阪市東住吉区北田辺4-9-22</t>
  </si>
  <si>
    <t>大阪市東住吉区矢田2-10-16</t>
  </si>
  <si>
    <t>大阪市東住吉区矢田2-17-3</t>
  </si>
  <si>
    <t>大阪市平野区瓜破2-3-2</t>
  </si>
  <si>
    <t>大阪市平野区瓜破西1-8-86</t>
  </si>
  <si>
    <t>大阪市平野区喜連1-1-11</t>
  </si>
  <si>
    <t>医療法人　高山医院</t>
  </si>
  <si>
    <t>医療法人　田中医院</t>
  </si>
  <si>
    <t>医療法人　みのる会</t>
  </si>
  <si>
    <t>大阪市住之江区浜口西3-12-5</t>
  </si>
  <si>
    <t>大阪市住之江区粉浜1-24ｰ19</t>
  </si>
  <si>
    <t>医療法人　仁慈会</t>
    <rPh sb="5" eb="6">
      <t>ジン</t>
    </rPh>
    <rPh sb="6" eb="7">
      <t>ジ</t>
    </rPh>
    <rPh sb="7" eb="8">
      <t>カイ</t>
    </rPh>
    <phoneticPr fontId="3"/>
  </si>
  <si>
    <t>東住吉区</t>
    <phoneticPr fontId="3"/>
  </si>
  <si>
    <t>医療法人　昌景会</t>
    <rPh sb="0" eb="2">
      <t>イリョウ</t>
    </rPh>
    <rPh sb="2" eb="4">
      <t>ホウジン</t>
    </rPh>
    <rPh sb="5" eb="6">
      <t>マサ</t>
    </rPh>
    <rPh sb="6" eb="7">
      <t>カゲル</t>
    </rPh>
    <rPh sb="7" eb="8">
      <t>カイ</t>
    </rPh>
    <phoneticPr fontId="3"/>
  </si>
  <si>
    <t>大阪市淀川区新高5-4-28</t>
  </si>
  <si>
    <t>大阪市淀川区三津屋北1-6-3</t>
  </si>
  <si>
    <t>大阪市淀川区十三元今里1-13ｰ18</t>
  </si>
  <si>
    <t>大阪市西成区鶴見橋1-12-26</t>
  </si>
  <si>
    <t>医療法人　港南会</t>
  </si>
  <si>
    <t>大阪市西成区花園北2-11-3</t>
  </si>
  <si>
    <t>医療法人　公英会</t>
  </si>
  <si>
    <t>医療法人　真徳会額田眼科診療所</t>
  </si>
  <si>
    <t>大阪市都島区大東町1-6-28</t>
  </si>
  <si>
    <t>大阪市旭区大宮2-17-23</t>
  </si>
  <si>
    <t>大阪市旭区大宮3-8-16</t>
  </si>
  <si>
    <t>大阪市阿倍野区昭和町1-21-22</t>
  </si>
  <si>
    <t>大阪市阿倍野区阿倍野筋2-4-1</t>
  </si>
  <si>
    <t>医療法人　明香会</t>
  </si>
  <si>
    <t>医療法人　たまき耳鼻咽喉科</t>
  </si>
  <si>
    <t>医療法人　竹森歯科医院</t>
  </si>
  <si>
    <t>医療法人　明友会</t>
  </si>
  <si>
    <t>医療法人　淡青山会</t>
  </si>
  <si>
    <t>医療法人　げん外科内科</t>
  </si>
  <si>
    <t>区</t>
    <rPh sb="0" eb="1">
      <t>ク</t>
    </rPh>
    <phoneticPr fontId="3"/>
  </si>
  <si>
    <t xml:space="preserve">大阪市北区天神橋3-2-13 謄写館3階 </t>
    <phoneticPr fontId="3"/>
  </si>
  <si>
    <t>大阪市城東区関目3-2-22</t>
  </si>
  <si>
    <t>大阪市城東区関目5ｰ16ｰ19-102</t>
  </si>
  <si>
    <t>大阪市城東区古市3-17-24</t>
  </si>
  <si>
    <t>医療法人　山裕会</t>
  </si>
  <si>
    <t xml:space="preserve">大阪市平野区平野宮町2-8-8 </t>
  </si>
  <si>
    <t>医療法人　増原クリニック</t>
    <rPh sb="5" eb="7">
      <t>マスハラ</t>
    </rPh>
    <phoneticPr fontId="5"/>
  </si>
  <si>
    <t>大阪市住吉区帝塚山中3-5-11</t>
    <rPh sb="9" eb="10">
      <t>ナカ</t>
    </rPh>
    <phoneticPr fontId="3"/>
  </si>
  <si>
    <t>医療法人　糸氏医院</t>
    <rPh sb="5" eb="6">
      <t>イト</t>
    </rPh>
    <rPh sb="6" eb="7">
      <t>ウジ</t>
    </rPh>
    <rPh sb="7" eb="9">
      <t>イイン</t>
    </rPh>
    <phoneticPr fontId="3"/>
  </si>
  <si>
    <t>医療法人　應信会</t>
    <rPh sb="5" eb="6">
      <t>オウ</t>
    </rPh>
    <rPh sb="6" eb="7">
      <t>シン</t>
    </rPh>
    <rPh sb="7" eb="8">
      <t>カイ</t>
    </rPh>
    <phoneticPr fontId="3"/>
  </si>
  <si>
    <t>大阪市旭区千林2-15-26</t>
    <rPh sb="5" eb="6">
      <t>セン</t>
    </rPh>
    <rPh sb="6" eb="7">
      <t>ハヤシ</t>
    </rPh>
    <phoneticPr fontId="3"/>
  </si>
  <si>
    <t>医療法人　天翔会</t>
    <rPh sb="5" eb="6">
      <t>テン</t>
    </rPh>
    <rPh sb="6" eb="7">
      <t>ショウ</t>
    </rPh>
    <rPh sb="7" eb="8">
      <t>カイ</t>
    </rPh>
    <phoneticPr fontId="5"/>
  </si>
  <si>
    <t>医療法人　幸嘉会</t>
    <rPh sb="5" eb="6">
      <t>コウ</t>
    </rPh>
    <rPh sb="6" eb="7">
      <t>ヨシ</t>
    </rPh>
    <rPh sb="7" eb="8">
      <t>カイ</t>
    </rPh>
    <phoneticPr fontId="3"/>
  </si>
  <si>
    <t>医療法人　健俊会</t>
    <rPh sb="5" eb="6">
      <t>ケン</t>
    </rPh>
    <rPh sb="6" eb="7">
      <t>シュン</t>
    </rPh>
    <rPh sb="7" eb="8">
      <t>カイ</t>
    </rPh>
    <phoneticPr fontId="3"/>
  </si>
  <si>
    <t>医療法人　堀歯会</t>
    <rPh sb="5" eb="6">
      <t>ホリ</t>
    </rPh>
    <rPh sb="6" eb="7">
      <t>ハ</t>
    </rPh>
    <rPh sb="7" eb="8">
      <t>カイ</t>
    </rPh>
    <phoneticPr fontId="3"/>
  </si>
  <si>
    <t>医療法人　壮心会</t>
    <rPh sb="5" eb="6">
      <t>ソウ</t>
    </rPh>
    <rPh sb="6" eb="7">
      <t>シン</t>
    </rPh>
    <rPh sb="7" eb="8">
      <t>カイ</t>
    </rPh>
    <phoneticPr fontId="3"/>
  </si>
  <si>
    <t>医療法人　五月会</t>
    <rPh sb="0" eb="2">
      <t>イリョウ</t>
    </rPh>
    <rPh sb="2" eb="4">
      <t>ホウジン</t>
    </rPh>
    <rPh sb="5" eb="7">
      <t>サツキ</t>
    </rPh>
    <rPh sb="7" eb="8">
      <t>カイ</t>
    </rPh>
    <phoneticPr fontId="3"/>
  </si>
  <si>
    <t>西区</t>
    <rPh sb="0" eb="2">
      <t>ニシク</t>
    </rPh>
    <phoneticPr fontId="3"/>
  </si>
  <si>
    <t>大阪市中央区瓦町3-5-7</t>
  </si>
  <si>
    <t>大阪市福島区福島3-2-9</t>
  </si>
  <si>
    <t>大阪市福島区野田5-18-16</t>
  </si>
  <si>
    <t>大阪市住之江区南加賀屋3-2-18 多田ﾒﾃﾞｨｶﾙﾋﾞﾙ1階</t>
    <phoneticPr fontId="3"/>
  </si>
  <si>
    <t>大阪市住之江区西加賀屋4-3-5 朝日ﾌﾟﾗｻﾞ住之江公園1階</t>
    <phoneticPr fontId="3"/>
  </si>
  <si>
    <t>医療法人　医道会</t>
  </si>
  <si>
    <t>医療法人　幸裕会</t>
  </si>
  <si>
    <t>医療法人　桓心会夫整形外科</t>
  </si>
  <si>
    <t>大阪市港区波除2-9-12</t>
  </si>
  <si>
    <t>大阪市港区八幡屋1-10-13</t>
  </si>
  <si>
    <t>医療法人　博悠会</t>
  </si>
  <si>
    <t>医療法人　淀井病院</t>
  </si>
  <si>
    <t>医療法人　早石会</t>
  </si>
  <si>
    <t>医療法人　泰仁会</t>
  </si>
  <si>
    <t>医療法人　尚信会</t>
  </si>
  <si>
    <t>医療法人　川満整形外科</t>
  </si>
  <si>
    <t>医療法人　中山歯科</t>
  </si>
  <si>
    <t>大阪市西成区山王3-16-7</t>
  </si>
  <si>
    <t xml:space="preserve">大阪市天王寺区上本町6-9-17 上六日光ﾋﾞﾙ2階 </t>
    <phoneticPr fontId="3"/>
  </si>
  <si>
    <t>大阪市天王寺区筆ヶ崎町5ｰ52 ｳｪﾙﾗｲﾌ上本町ｸﾘﾆｯｸﾌﾟﾗｻﾞ203号</t>
    <rPh sb="38" eb="39">
      <t>ゴウ</t>
    </rPh>
    <phoneticPr fontId="3"/>
  </si>
  <si>
    <t>大阪市港区市岡2-12-20</t>
  </si>
  <si>
    <t>大阪市港区市岡2-6-16</t>
  </si>
  <si>
    <t>大阪市鶴見区諸口4-7-7 ﾒｿﾞﾝ交楽園参番館</t>
    <rPh sb="22" eb="23">
      <t>バン</t>
    </rPh>
    <phoneticPr fontId="3"/>
  </si>
  <si>
    <t>医療法人　賀陽会</t>
    <rPh sb="7" eb="8">
      <t>カイ</t>
    </rPh>
    <phoneticPr fontId="3"/>
  </si>
  <si>
    <t>医療法人　東森医院</t>
  </si>
  <si>
    <t>大阪市西成区旭1-5-4 山野ﾋﾞﾙ1階</t>
    <phoneticPr fontId="3"/>
  </si>
  <si>
    <t>大阪市西成区玉出中2-15-21 HKﾋﾞﾙ2階</t>
    <phoneticPr fontId="3"/>
  </si>
  <si>
    <t>医療法人　つばさ会</t>
    <phoneticPr fontId="3"/>
  </si>
  <si>
    <t>大阪市西成区玉出西1-6-7 玉出ﾌﾟﾗｻﾞ1階</t>
    <phoneticPr fontId="3"/>
  </si>
  <si>
    <t>大阪市西成区玉出西2-6-15</t>
    <phoneticPr fontId="3"/>
  </si>
  <si>
    <t>大阪市平野区加美東4-15-12</t>
    <phoneticPr fontId="3"/>
  </si>
  <si>
    <t>医療法人　大生會</t>
    <rPh sb="5" eb="6">
      <t>オオ</t>
    </rPh>
    <rPh sb="6" eb="7">
      <t>セイ</t>
    </rPh>
    <rPh sb="7" eb="8">
      <t>カイ</t>
    </rPh>
    <phoneticPr fontId="3"/>
  </si>
  <si>
    <t>大阪市東住吉区山坂5-15-37</t>
    <phoneticPr fontId="3"/>
  </si>
  <si>
    <t>医療法人　あじさい会</t>
    <phoneticPr fontId="3"/>
  </si>
  <si>
    <t>天王寺区</t>
    <rPh sb="0" eb="3">
      <t>テンノウジ</t>
    </rPh>
    <phoneticPr fontId="3"/>
  </si>
  <si>
    <t>大阪市西成区潮路1-1-19</t>
  </si>
  <si>
    <t xml:space="preserve">大阪市西成区鶴見橋1-4-32 </t>
  </si>
  <si>
    <t>大阪市西成区天下茶屋東2-14-34</t>
  </si>
  <si>
    <t>大阪市西成区天下茶屋北2-5-1</t>
  </si>
  <si>
    <t>大阪市阿倍野区昭和町5-11-1</t>
  </si>
  <si>
    <t xml:space="preserve">大阪市都島区内代町1-2-28 都島ﾒｲﾌﾟﾙﾋﾞﾙ1階 </t>
  </si>
  <si>
    <t xml:space="preserve">大阪市都島区友渕町3-1-28 </t>
  </si>
  <si>
    <t>大阪市福島区吉野3-21-1</t>
  </si>
  <si>
    <t>大阪市福島区玉川4-6-11</t>
  </si>
  <si>
    <t>医療法人　慈修会</t>
  </si>
  <si>
    <t>医療法人　慈真会</t>
  </si>
  <si>
    <t xml:space="preserve">大阪市東成区深江南2-11-20 </t>
  </si>
  <si>
    <t>大阪市生野区勝山北5-12-38</t>
  </si>
  <si>
    <t>大阪市生野区勝山南3-15-13</t>
  </si>
  <si>
    <t>大阪市生野区勝山北2-11-27</t>
  </si>
  <si>
    <t>大阪市生野区小路2-26-2</t>
  </si>
  <si>
    <t>大阪市生野区小路東2-5-3</t>
  </si>
  <si>
    <t>大阪市生野区小路東6-4-20</t>
  </si>
  <si>
    <t xml:space="preserve">大阪市生野区巽中1-20-4 </t>
  </si>
  <si>
    <t>大阪市生野区巽中4-11-20</t>
  </si>
  <si>
    <t>大阪市生野区巽東2-5-31</t>
  </si>
  <si>
    <t>大阪市生野区巽南1-12-1</t>
  </si>
  <si>
    <t>大阪市城東区今福西4-6-22 今福西ﾊｰﾄﾋﾞﾙ2階</t>
  </si>
  <si>
    <t>大阪市城東区蒲生1-1-15</t>
  </si>
  <si>
    <t>医療法人　由保会</t>
  </si>
  <si>
    <t>医療法人　正正会</t>
  </si>
  <si>
    <t>医療法人　榮祐会</t>
    <rPh sb="6" eb="7">
      <t>ユウ</t>
    </rPh>
    <phoneticPr fontId="3"/>
  </si>
  <si>
    <t>医療法人　泰弘会</t>
  </si>
  <si>
    <t>医療法人　医聖会</t>
  </si>
  <si>
    <t>医療法人　いはら内科</t>
  </si>
  <si>
    <t>医療法人　高石クリニック</t>
  </si>
  <si>
    <t>医療法人　桜峰会</t>
  </si>
  <si>
    <t xml:space="preserve">大阪市鶴見区鶴見3-13-37 つるみｸﾘﾆｯｸﾋﾞﾙ2階 </t>
    <phoneticPr fontId="3"/>
  </si>
  <si>
    <t>大阪市住之江区東加賀屋1-18-18</t>
  </si>
  <si>
    <t>大阪市住之江区北加賀屋2-11-15</t>
  </si>
  <si>
    <t>大阪市東成区大今里南1-12-13 かしの木ﾋﾞﾙ2階</t>
    <phoneticPr fontId="3"/>
  </si>
  <si>
    <t>大阪市東成区中本1-10-17</t>
    <phoneticPr fontId="3"/>
  </si>
  <si>
    <t>医療法人　憲樹</t>
    <rPh sb="5" eb="6">
      <t>ケン</t>
    </rPh>
    <rPh sb="6" eb="7">
      <t>キ</t>
    </rPh>
    <phoneticPr fontId="5"/>
  </si>
  <si>
    <t>医療法人　一栄会</t>
    <rPh sb="5" eb="6">
      <t>イチ</t>
    </rPh>
    <rPh sb="6" eb="7">
      <t>エイ</t>
    </rPh>
    <rPh sb="7" eb="8">
      <t>カイ</t>
    </rPh>
    <phoneticPr fontId="3"/>
  </si>
  <si>
    <t>医療法人　春光会</t>
  </si>
  <si>
    <t>医療法人　佐藤眼科医院</t>
  </si>
  <si>
    <t>大阪市阿倍野区阪南町2-20-16</t>
  </si>
  <si>
    <t>大阪市淀川区三津屋北1-5-20</t>
    <phoneticPr fontId="3"/>
  </si>
  <si>
    <t>医療法人　前田整形外科</t>
    <phoneticPr fontId="3"/>
  </si>
  <si>
    <t>医療法人　晃伸会</t>
    <rPh sb="5" eb="6">
      <t>アキラ</t>
    </rPh>
    <rPh sb="6" eb="7">
      <t>シン</t>
    </rPh>
    <phoneticPr fontId="3"/>
  </si>
  <si>
    <t>医療法人　政明会</t>
    <rPh sb="5" eb="7">
      <t>マサアキ</t>
    </rPh>
    <phoneticPr fontId="3"/>
  </si>
  <si>
    <t>大阪市中央区博労町2-6-1</t>
    <phoneticPr fontId="3"/>
  </si>
  <si>
    <t>大阪市西成区山王1-8-3 ﾄﾞｩｽﾌﾞﾗﾝﾄﾞｩｰﾙ1階</t>
    <phoneticPr fontId="3"/>
  </si>
  <si>
    <t>大阪市城東区新喜多1-1-15</t>
  </si>
  <si>
    <t>大阪市城東区成育2-1-15</t>
  </si>
  <si>
    <t>大阪市城東区成育4-20-16</t>
  </si>
  <si>
    <t>大阪市城東区成育5-8-15</t>
  </si>
  <si>
    <t>大阪市西淀川区柏里2-8-14</t>
  </si>
  <si>
    <t>医療法人　藤仁会</t>
  </si>
  <si>
    <t>医療法人　博勇会</t>
  </si>
  <si>
    <t>医療法人　きらら会</t>
  </si>
  <si>
    <t>医療法人　輝晃会</t>
  </si>
  <si>
    <t>医療法人　西口診療所</t>
  </si>
  <si>
    <t>医療法人　川村医院</t>
  </si>
  <si>
    <t>医療法人　西診療所</t>
  </si>
  <si>
    <t>医療法人　やまうちクリニック</t>
  </si>
  <si>
    <t>医療法人　徳仁会</t>
    <rPh sb="5" eb="6">
      <t>トク</t>
    </rPh>
    <rPh sb="6" eb="7">
      <t>ジン</t>
    </rPh>
    <rPh sb="7" eb="8">
      <t>カイ</t>
    </rPh>
    <phoneticPr fontId="3"/>
  </si>
  <si>
    <t>医療法人　富寿会</t>
  </si>
  <si>
    <t>医療法人　俊徳会</t>
  </si>
  <si>
    <t>医療法人　桜昌会</t>
  </si>
  <si>
    <t>医療法人　松仁会</t>
  </si>
  <si>
    <t>医療法人　彰療会</t>
  </si>
  <si>
    <t>医療法人　藤田会</t>
  </si>
  <si>
    <t>医療法人　正和会</t>
  </si>
  <si>
    <t>医療法人　正和病院</t>
  </si>
  <si>
    <t>医療法人　尽生会</t>
  </si>
  <si>
    <t>医療法人　正啓会</t>
  </si>
  <si>
    <t>医療法人　相愛会</t>
  </si>
  <si>
    <t>大阪市鶴見区鶴見3-5-12 尾本ﾋﾞﾙ4階</t>
    <phoneticPr fontId="3"/>
  </si>
  <si>
    <t>医療法人　伊藤歯科医院</t>
    <rPh sb="5" eb="7">
      <t>イトウ</t>
    </rPh>
    <rPh sb="7" eb="9">
      <t>シカ</t>
    </rPh>
    <rPh sb="9" eb="11">
      <t>イイン</t>
    </rPh>
    <phoneticPr fontId="5"/>
  </si>
  <si>
    <t>医療法人　ヤマダクリニック</t>
  </si>
  <si>
    <t>医療法人　西長堀医院</t>
  </si>
  <si>
    <t>医療法人　回生会</t>
  </si>
  <si>
    <t>医療法人　住吉内科</t>
  </si>
  <si>
    <t>医療法人　広畑医院</t>
  </si>
  <si>
    <t xml:space="preserve">大阪市天王寺区上本町6-2-26 大和上六ﾋﾞﾙ3階 </t>
    <phoneticPr fontId="3"/>
  </si>
  <si>
    <t>医療法人　荒済会</t>
  </si>
  <si>
    <t>医療法人　仁翔会</t>
  </si>
  <si>
    <t>大阪市中央区難波4-1-2</t>
  </si>
  <si>
    <t xml:space="preserve">大阪市西区九条1-12-21 </t>
  </si>
  <si>
    <t xml:space="preserve">大阪市天王寺区烏ヶ辻1-1-14 修和ﾋﾞﾙ2階 </t>
    <phoneticPr fontId="3"/>
  </si>
  <si>
    <t>大阪市天王寺区大道4-10-4 たつみﾋﾞﾙ2階</t>
    <phoneticPr fontId="3"/>
  </si>
  <si>
    <t>医療法人　井紀会</t>
  </si>
  <si>
    <t>医療法人　河島医院</t>
  </si>
  <si>
    <t>医療法人　藤本医院</t>
  </si>
  <si>
    <t>医療法人　天野医院</t>
  </si>
  <si>
    <t>医療法人　上田外科医院</t>
  </si>
  <si>
    <t>医療法人　名山会</t>
  </si>
  <si>
    <t>大阪市住吉区千躰2-2-9</t>
    <rPh sb="0" eb="3">
      <t>オオサカシ</t>
    </rPh>
    <rPh sb="3" eb="6">
      <t>スミヨシク</t>
    </rPh>
    <rPh sb="6" eb="8">
      <t>センタイ</t>
    </rPh>
    <phoneticPr fontId="3"/>
  </si>
  <si>
    <t>決算月</t>
    <rPh sb="0" eb="2">
      <t>ケッサン</t>
    </rPh>
    <rPh sb="2" eb="3">
      <t>ツキ</t>
    </rPh>
    <phoneticPr fontId="3"/>
  </si>
  <si>
    <t>医療法人　寺内クリニック</t>
  </si>
  <si>
    <t>医療法人　朋詠会</t>
  </si>
  <si>
    <t>大阪市住吉区我孫子東3-1-35</t>
  </si>
  <si>
    <t>大阪市住吉区苅田7-2-3</t>
  </si>
  <si>
    <t>大阪市住吉区苅田7-8-4</t>
  </si>
  <si>
    <t>大阪市住吉区苅田8-6-27</t>
  </si>
  <si>
    <t>大阪市住吉区山之内2-12-5</t>
  </si>
  <si>
    <t>医療法人　真心会</t>
    <rPh sb="5" eb="7">
      <t>マゴコロ</t>
    </rPh>
    <rPh sb="7" eb="8">
      <t>カイ</t>
    </rPh>
    <phoneticPr fontId="3"/>
  </si>
  <si>
    <t>医療法人　清雄会</t>
    <rPh sb="5" eb="6">
      <t>キヨ</t>
    </rPh>
    <rPh sb="6" eb="7">
      <t>ユウ</t>
    </rPh>
    <rPh sb="7" eb="8">
      <t>カイ</t>
    </rPh>
    <phoneticPr fontId="3"/>
  </si>
  <si>
    <t>大阪市東住吉区湯里2-16-3</t>
  </si>
  <si>
    <t>大阪市天王寺区烏ｹ辻1-3-1 熊谷ﾋﾞﾙ4階</t>
    <phoneticPr fontId="3"/>
  </si>
  <si>
    <t>大阪市中央区船越町2-3-2</t>
  </si>
  <si>
    <t>大阪市中央区大手前2-2-6</t>
  </si>
  <si>
    <t>大阪市東成区玉津1-2-6</t>
  </si>
  <si>
    <t>大阪市東成区玉津2-14-29</t>
  </si>
  <si>
    <t>大阪市東成区深江南1-10-8</t>
  </si>
  <si>
    <t>大阪市東成区神路3-10-4</t>
  </si>
  <si>
    <t>大阪市東成区大今里4-26-11</t>
  </si>
  <si>
    <t>大阪市東成区大今里西1-17-26</t>
  </si>
  <si>
    <t>大阪市東成区大今里南1-1-18</t>
  </si>
  <si>
    <t>医療法人　信愛会</t>
  </si>
  <si>
    <t>医療法人　香仁会</t>
    <rPh sb="0" eb="2">
      <t>イリョウ</t>
    </rPh>
    <rPh sb="2" eb="4">
      <t>ホウジン</t>
    </rPh>
    <rPh sb="6" eb="7">
      <t>ジン</t>
    </rPh>
    <rPh sb="7" eb="8">
      <t>カイ</t>
    </rPh>
    <phoneticPr fontId="3"/>
  </si>
  <si>
    <t>医療法人　駿真会</t>
  </si>
  <si>
    <t>医療法人　北村医院</t>
  </si>
  <si>
    <t>医療法人　賴医院</t>
  </si>
  <si>
    <t>医療法人　俊英会</t>
  </si>
  <si>
    <t>医療法人　のま耳鼻咽喉科</t>
  </si>
  <si>
    <t>医療法人　白歯会</t>
  </si>
  <si>
    <t>医療法人　松田クリニック</t>
  </si>
  <si>
    <t>医療法人　枡谷会</t>
  </si>
  <si>
    <t>医療法人　何クリニック</t>
  </si>
  <si>
    <t>大阪市鶴見区諸口3-4-38</t>
  </si>
  <si>
    <t>大阪市鶴見区諸口4-5-17</t>
  </si>
  <si>
    <t>大阪市鶴見区浜3-3-16</t>
  </si>
  <si>
    <t>大阪市鶴見区放出東2-21-23</t>
  </si>
  <si>
    <t>住所</t>
    <phoneticPr fontId="3"/>
  </si>
  <si>
    <t>大阪市大正区三軒家東5-6-7</t>
    <phoneticPr fontId="3"/>
  </si>
  <si>
    <t xml:space="preserve">大阪市住之江区新北島1-2-1 ｵｽｶｰﾄﾞﾘｰﾑ5階 </t>
    <phoneticPr fontId="3"/>
  </si>
  <si>
    <t>医療法人　横山耳鼻咽喉科</t>
  </si>
  <si>
    <t>医療法人　若杉診療所</t>
  </si>
  <si>
    <t>大阪市此花区酉島3-18-22</t>
  </si>
  <si>
    <t>医療法人　西山医院</t>
  </si>
  <si>
    <t>医療法人　佐々木産婦人科医院</t>
  </si>
  <si>
    <t>医療法人　弘正会</t>
    <rPh sb="5" eb="6">
      <t>ヒロム</t>
    </rPh>
    <rPh sb="6" eb="7">
      <t>タダ</t>
    </rPh>
    <rPh sb="7" eb="8">
      <t>カイ</t>
    </rPh>
    <phoneticPr fontId="3"/>
  </si>
  <si>
    <t>医療法人　竹谷クリニック</t>
  </si>
  <si>
    <t>医療法人　健昌会</t>
  </si>
  <si>
    <t>大阪市淀川区十三元今里2-10-11</t>
  </si>
  <si>
    <t>大阪市淀川区十三元今里2-1-21</t>
  </si>
  <si>
    <t>大阪市淀川区十三東2-6-43</t>
  </si>
  <si>
    <t>大阪市淀川区十三東3ｰ27ｰ22 芝喜ﾋﾞﾙ2階</t>
  </si>
  <si>
    <t>大阪市西区京町堀2-10-21</t>
  </si>
  <si>
    <t>大阪市西区本田3-7-8</t>
  </si>
  <si>
    <t>大阪市港区磯路2-6-1</t>
  </si>
  <si>
    <t>大阪市港区港晴1-1-23</t>
  </si>
  <si>
    <t>大阪市港区港晴1-2-12</t>
  </si>
  <si>
    <t>大阪市港区港晴3-2-7</t>
  </si>
  <si>
    <t>大阪市港区三先1-10-30</t>
  </si>
  <si>
    <t>大阪市港区三先1-11-27</t>
  </si>
  <si>
    <t>大阪市港区三先1-17-43</t>
  </si>
  <si>
    <t>大阪市港区市岡1-1-26</t>
  </si>
  <si>
    <t>大阪市港区市岡1-5-28</t>
  </si>
  <si>
    <t>大阪市北区中之島5-3-68 ﾘｰｶﾞﾛｲﾔﾙﾎﾃﾙB1階</t>
  </si>
  <si>
    <t>大阪市北区長柄中1-3-15</t>
  </si>
  <si>
    <t>大阪市北区天神橋2-4-22</t>
  </si>
  <si>
    <t>大阪市北区天神橋8-9-10</t>
  </si>
  <si>
    <t>大阪市北区堂島1-6-20</t>
  </si>
  <si>
    <t>大阪市北区梅田1-3-1-300 大阪駅前第1ﾋﾞﾙ3階</t>
  </si>
  <si>
    <t>医療法人　浅井内科医院</t>
  </si>
  <si>
    <t>医療法人　良仁会</t>
  </si>
  <si>
    <t>医療法人　愛隣会</t>
    <rPh sb="5" eb="6">
      <t>アイ</t>
    </rPh>
    <rPh sb="6" eb="7">
      <t>トナリ</t>
    </rPh>
    <rPh sb="7" eb="8">
      <t>カイ</t>
    </rPh>
    <phoneticPr fontId="3"/>
  </si>
  <si>
    <t>医療法人　佐々医院</t>
  </si>
  <si>
    <t>大阪市東成区大今里南5-3-4</t>
  </si>
  <si>
    <t>大阪市住吉区万代東1-4-17 ｱﾙﾃﾞｰﾙ帝塚山101号</t>
    <rPh sb="28" eb="29">
      <t>ゴウ</t>
    </rPh>
    <phoneticPr fontId="3"/>
  </si>
  <si>
    <t>医療法人　くすの木会</t>
  </si>
  <si>
    <t>大阪市淀川区東三国4-19-17-101</t>
    <phoneticPr fontId="3"/>
  </si>
  <si>
    <t>大阪市東住吉区田辺4-12-14　ラポタナベ102号</t>
    <rPh sb="0" eb="3">
      <t>オオサカシ</t>
    </rPh>
    <rPh sb="3" eb="7">
      <t>ヒガシスミヨシク</t>
    </rPh>
    <rPh sb="7" eb="9">
      <t>タナベ</t>
    </rPh>
    <rPh sb="25" eb="26">
      <t>ゴウ</t>
    </rPh>
    <phoneticPr fontId="1"/>
  </si>
  <si>
    <t>大阪市此花区酉島4-2-10</t>
    <rPh sb="0" eb="3">
      <t>オオサカシ</t>
    </rPh>
    <rPh sb="3" eb="6">
      <t>コノハナク</t>
    </rPh>
    <rPh sb="6" eb="8">
      <t>トリシマ</t>
    </rPh>
    <phoneticPr fontId="3"/>
  </si>
  <si>
    <t>医療法人　川村会</t>
  </si>
  <si>
    <t>大阪市西成区潮路2-2-4</t>
  </si>
  <si>
    <t>医療法人　池田医院</t>
  </si>
  <si>
    <t>医療法人　慈光会</t>
  </si>
  <si>
    <t>大阪市城東区東中浜3-4-1</t>
    <phoneticPr fontId="3"/>
  </si>
  <si>
    <t>大阪市西区西本町3-1-1</t>
    <rPh sb="0" eb="2">
      <t>オオサカ</t>
    </rPh>
    <rPh sb="2" eb="3">
      <t>シ</t>
    </rPh>
    <rPh sb="3" eb="5">
      <t>ニシク</t>
    </rPh>
    <rPh sb="5" eb="6">
      <t>ニシ</t>
    </rPh>
    <rPh sb="6" eb="8">
      <t>ホンマチ</t>
    </rPh>
    <phoneticPr fontId="1"/>
  </si>
  <si>
    <t>大阪市平野区長吉出戸１-11-66</t>
    <rPh sb="0" eb="3">
      <t>オオサカシ</t>
    </rPh>
    <rPh sb="3" eb="6">
      <t>ヒラノク</t>
    </rPh>
    <rPh sb="6" eb="10">
      <t>ナガヨシデト</t>
    </rPh>
    <phoneticPr fontId="1"/>
  </si>
  <si>
    <t>医療法人　栗山クリニック</t>
  </si>
  <si>
    <t>医療法人　薫風会落合耳鼻咽喉科</t>
  </si>
  <si>
    <t>医療法人　長谷川歯科</t>
  </si>
  <si>
    <t>医療法人　雁金会</t>
  </si>
  <si>
    <t>医療法人　假野クリニック</t>
  </si>
  <si>
    <t>大阪市阿倍野区帝塚山1-23-14</t>
  </si>
  <si>
    <t>医療法人　隅本会</t>
  </si>
  <si>
    <t>医療法人　金沢クリニック</t>
  </si>
  <si>
    <t>医療法人　博香会</t>
  </si>
  <si>
    <t>医療法人　オオタニデンタルクリニック</t>
  </si>
  <si>
    <t>医療法人　青空会</t>
    <rPh sb="5" eb="7">
      <t>アオゾラ</t>
    </rPh>
    <phoneticPr fontId="3"/>
  </si>
  <si>
    <t>医療法人　善医会玉田整形外科</t>
  </si>
  <si>
    <t>医療法人　橋村会</t>
  </si>
  <si>
    <t>医療法人　ハタクリニック</t>
  </si>
  <si>
    <t>大阪市鶴見区横堤4-1-36 ｽﾀｰﾊｲﾑ松尾1階</t>
    <phoneticPr fontId="3"/>
  </si>
  <si>
    <t>大阪市鶴見区鶴見4-16-12 ﾗﾌｨｰﾈｼｬﾝﾌﾞﾙ1階</t>
    <phoneticPr fontId="3"/>
  </si>
  <si>
    <t>医療法人　コウハシ歯科</t>
  </si>
  <si>
    <t>医療法人　清博会</t>
  </si>
  <si>
    <t>医療法人　康仁会吉永歯科クリニック</t>
  </si>
  <si>
    <t>医療法人　宇都宮歯科</t>
  </si>
  <si>
    <t>医療法人　太讃会</t>
  </si>
  <si>
    <t>医療法人　大奈会</t>
  </si>
  <si>
    <t>医療法人　愛優会</t>
  </si>
  <si>
    <t>医療法人　島村診療所</t>
  </si>
  <si>
    <t>医療法人　孝至会</t>
  </si>
  <si>
    <t>医療法人　大歳内科</t>
  </si>
  <si>
    <t>大阪市淀川区塚本2-13-28</t>
  </si>
  <si>
    <t>大阪市都島区中野町5-13-4 ﾀﾜｰﾌﾟﾗｻﾞｱﾍﾞﾆｭｰ1階</t>
    <phoneticPr fontId="3"/>
  </si>
  <si>
    <t>大阪市中央区日本橋2-5-2 丸若ﾋﾞﾙ2階</t>
    <phoneticPr fontId="3"/>
  </si>
  <si>
    <t>大阪市浪速区恵美寿東1-7-13</t>
  </si>
  <si>
    <t>大阪市浪速区恵美須西1-3-21</t>
  </si>
  <si>
    <t>大阪市浪速区桜川2-11-28</t>
  </si>
  <si>
    <t>医療法人　村川医院</t>
  </si>
  <si>
    <t>医療法人　仁松会</t>
  </si>
  <si>
    <t>医療法人　佐木山医院</t>
  </si>
  <si>
    <t>医療法人　三愛会中山整形外科</t>
  </si>
  <si>
    <t>医療法人　ふかき歯科</t>
  </si>
  <si>
    <t>医療法人　宏仁会</t>
  </si>
  <si>
    <t>医療法人　竹中消化器科・外科クリニック</t>
  </si>
  <si>
    <t>大阪市北区梅田2-5-25 梅田阪神第1ﾋﾞﾙﾃﾞｨﾝｸﾞ5階</t>
  </si>
  <si>
    <t>大阪市北区豊崎3-15-14</t>
  </si>
  <si>
    <t>大阪市福島区鷺州5-6-69 ﾌﾛｰﾚﾝｽヴｨﾗさぎす1階</t>
    <phoneticPr fontId="3"/>
  </si>
  <si>
    <t>医療法人　裕登会</t>
  </si>
  <si>
    <t>医療法人　藤信会藤田歯科医院</t>
  </si>
  <si>
    <t>医療法人　裕生会</t>
  </si>
  <si>
    <t>医療法人　花園橋村医院</t>
  </si>
  <si>
    <t>医療法人　喜馬外科</t>
  </si>
  <si>
    <t>医療法人　三圭会ハルタ眼科</t>
  </si>
  <si>
    <t>医療法人　北野皮膚ひ尿器科</t>
  </si>
  <si>
    <t>医療法人　林クリニック</t>
  </si>
  <si>
    <t>医療法人　川合内科医院</t>
  </si>
  <si>
    <t>医療法人　惠友会柿野歯科医院</t>
  </si>
  <si>
    <t>医療法人　栄和会大同クリニック</t>
  </si>
  <si>
    <t>医療法人　鴻尚会</t>
  </si>
  <si>
    <t>医療法人　原田耳鼻咽喉科医院</t>
  </si>
  <si>
    <t>大阪市西区新町1-22-9</t>
  </si>
  <si>
    <t>大阪市西区靭本町2-4-10</t>
  </si>
  <si>
    <t>大阪市西区千代崎1-15-9</t>
  </si>
  <si>
    <t>大阪市西区千代崎2-25-13</t>
  </si>
  <si>
    <t>医療法人　新緑瞳会</t>
    <rPh sb="5" eb="6">
      <t>シン</t>
    </rPh>
    <rPh sb="6" eb="7">
      <t>ミドリ</t>
    </rPh>
    <rPh sb="7" eb="8">
      <t>ヒトミ</t>
    </rPh>
    <rPh sb="8" eb="9">
      <t>カイ</t>
    </rPh>
    <phoneticPr fontId="5"/>
  </si>
  <si>
    <t>大阪市平野区瓜破2-1-55</t>
  </si>
  <si>
    <t>大阪市平野区加美東2-3-3</t>
  </si>
  <si>
    <t>大阪市平野区加美東4-22-9</t>
  </si>
  <si>
    <t>大阪市平野区加美北1-7-7</t>
  </si>
  <si>
    <t>大阪市平野区喜連西3-13-18</t>
  </si>
  <si>
    <t>大阪市平野区喜連西4-4-2</t>
  </si>
  <si>
    <t>大阪市平野区喜連西4-6-69-101</t>
  </si>
  <si>
    <t>大阪市平野区喜連東5-15-13</t>
  </si>
  <si>
    <t>大阪市北区梅田1-3-1-100 大阪駅前第1ﾋﾞﾙ1階</t>
  </si>
  <si>
    <t>医療法人　嘉誠会</t>
  </si>
  <si>
    <t>医療法人　博寿会</t>
  </si>
  <si>
    <t>医療法人　杏生会</t>
  </si>
  <si>
    <t>医療法人　幸正会</t>
  </si>
  <si>
    <t>医療法人　伸明会</t>
  </si>
  <si>
    <t>医療法人　猿渡レディスクリニック</t>
  </si>
  <si>
    <t>医療法人　尚志会</t>
  </si>
  <si>
    <t xml:space="preserve">大阪市阿倍野区丸山通1-1-2 </t>
  </si>
  <si>
    <t>大阪市阿倍野区阪南町1-51-10</t>
  </si>
  <si>
    <t>医療法人　松史会</t>
  </si>
  <si>
    <t>医療法人　仁友会</t>
  </si>
  <si>
    <t>医療法人　適水会</t>
  </si>
  <si>
    <t>医療法人　福肇会</t>
  </si>
  <si>
    <t>医療法人　育樹会</t>
  </si>
  <si>
    <t>医療法人　川上医院</t>
  </si>
  <si>
    <t>医療法人　藤村耳鼻咽喉科</t>
  </si>
  <si>
    <t>医療法人　松田耳鼻咽喉科</t>
  </si>
  <si>
    <t>医療法人　三浦医院</t>
  </si>
  <si>
    <t>医療法人　米田産婦人科</t>
  </si>
  <si>
    <t>医療法人　加藤歯学研究会</t>
  </si>
  <si>
    <t>医療法人　小林会</t>
  </si>
  <si>
    <t>医療法人　出馬会</t>
  </si>
  <si>
    <t>大阪市西区南堀江4-16-4</t>
  </si>
  <si>
    <t>大阪市西区北堀江4-6-8</t>
  </si>
  <si>
    <t>大阪市西成区南津守4-2-15</t>
  </si>
  <si>
    <t>大阪市西成区松3-2-11</t>
  </si>
  <si>
    <t xml:space="preserve">大阪市西成区岸里1-1-4 </t>
  </si>
  <si>
    <t>大阪市東住吉区駒川2-2-17-104</t>
  </si>
  <si>
    <t>大阪市此花区春日出北3-1-4</t>
  </si>
  <si>
    <t>医療法人　小国会あさひ美容外科</t>
  </si>
  <si>
    <t>医療法人　小豆沢クリニック</t>
  </si>
  <si>
    <t>医療法人　須見整形外科</t>
  </si>
  <si>
    <t>大阪市阿倍野区阿倍野筋1-1-43 近鉄百貨店阿倍野店5階</t>
    <phoneticPr fontId="3"/>
  </si>
  <si>
    <t>大阪市阿倍野区阿倍野筋1-5-1-100 あべのﾙｼｱｽ 1階</t>
    <phoneticPr fontId="3"/>
  </si>
  <si>
    <t>大阪市阿倍野区松崎町3-15-14 ｼﾞｮｲﾃﾙ阿倍野1階</t>
    <phoneticPr fontId="3"/>
  </si>
  <si>
    <t>大阪市阿倍野区松崎町4-4-22 翡翠ﾏﾝｼｮﾝ</t>
    <phoneticPr fontId="3"/>
  </si>
  <si>
    <t>大阪市住之江区浜口西1-3-2</t>
    <phoneticPr fontId="3"/>
  </si>
  <si>
    <t>大阪市阿倍野区松崎町2-9-25 あべの一番館１階</t>
    <rPh sb="0" eb="3">
      <t>オオサカシ</t>
    </rPh>
    <rPh sb="3" eb="7">
      <t>アベノク</t>
    </rPh>
    <rPh sb="7" eb="9">
      <t>マツザキ</t>
    </rPh>
    <rPh sb="9" eb="10">
      <t>チョウ</t>
    </rPh>
    <phoneticPr fontId="3"/>
  </si>
  <si>
    <t xml:space="preserve">大阪市東住吉区南田辺3-21-17 </t>
  </si>
  <si>
    <t>大阪市鶴見区今津南1-5-30 ｽｷｯﾌﾟﾋﾞﾙ106号</t>
    <rPh sb="27" eb="28">
      <t>ゴウ</t>
    </rPh>
    <phoneticPr fontId="3"/>
  </si>
  <si>
    <t>大阪市中央区道頓堀1-東5-5</t>
  </si>
  <si>
    <t>大阪市阿倍野区天王寺町北2-16-10</t>
  </si>
  <si>
    <t>大阪市阿倍野区天王寺町北2-17-5</t>
  </si>
  <si>
    <t>大阪市阿倍野区天王寺町北2-31-10</t>
  </si>
  <si>
    <t>大阪市阿倍野区天王寺町北3-9-18</t>
  </si>
  <si>
    <t>大阪市阿倍野区北畠1-10-4</t>
  </si>
  <si>
    <t>大阪市平野区平野本町4-15-6</t>
    <rPh sb="0" eb="3">
      <t>オオサカシ</t>
    </rPh>
    <rPh sb="3" eb="6">
      <t>ヒラノク</t>
    </rPh>
    <rPh sb="6" eb="8">
      <t>ヒラノ</t>
    </rPh>
    <rPh sb="8" eb="10">
      <t>ホンマチ</t>
    </rPh>
    <phoneticPr fontId="3"/>
  </si>
  <si>
    <t>医療法人　恭順会</t>
    <rPh sb="5" eb="6">
      <t>キョウ</t>
    </rPh>
    <rPh sb="6" eb="7">
      <t>ジュン</t>
    </rPh>
    <phoneticPr fontId="3"/>
  </si>
  <si>
    <t>医療法人　燦恵会</t>
  </si>
  <si>
    <t>医療法人　望月医院</t>
  </si>
  <si>
    <t>医療法人　森眼科</t>
  </si>
  <si>
    <t>大阪市港区八幡屋1-11-10</t>
    <phoneticPr fontId="3"/>
  </si>
  <si>
    <t xml:space="preserve">大阪市中央区今橋3-2-17 緒方ﾋﾞﾙ2階 </t>
    <phoneticPr fontId="3"/>
  </si>
  <si>
    <t>病院法人</t>
    <rPh sb="0" eb="2">
      <t>ビョウイン</t>
    </rPh>
    <phoneticPr fontId="3"/>
  </si>
  <si>
    <t>医療法人　相生会</t>
  </si>
  <si>
    <t>医療法人　愛賛会</t>
  </si>
  <si>
    <t>医療法人　アエバ会</t>
  </si>
  <si>
    <t>医療法人　得伊会中山診療所</t>
  </si>
  <si>
    <t>大阪市港区弁天1-2-2600</t>
  </si>
  <si>
    <t>大阪市港区夕凪2-1-8</t>
  </si>
  <si>
    <t>大阪市大正区三軒家西2-13-15</t>
  </si>
  <si>
    <t>大阪市大正区小林西2-2-5</t>
  </si>
  <si>
    <t>大阪市大正区千島3-4-21</t>
  </si>
  <si>
    <t>大阪市大正区泉尾3-11-15</t>
  </si>
  <si>
    <t>大阪市大正区平尾4-22-13</t>
  </si>
  <si>
    <t>大阪市天王寺区上本町6-3-31-228</t>
  </si>
  <si>
    <t>大阪市天王寺区烏ヶ辻1-3-24</t>
  </si>
  <si>
    <t>大阪市天王寺区玉造元町4-3</t>
  </si>
  <si>
    <t>大阪市此花区四貫島1-1-43</t>
  </si>
  <si>
    <t>大阪市此花区春日出中2-18-22</t>
  </si>
  <si>
    <t>大阪市此花区春日出北2-6-8</t>
  </si>
  <si>
    <t>大阪市此花区西九条1-34-19</t>
  </si>
  <si>
    <t>大阪市淀川区西中島5-13-17 OHSACHI新大阪ﾋﾞﾙ5階</t>
  </si>
  <si>
    <t>大阪市淀川区塚本2-14-7</t>
  </si>
  <si>
    <t>医療法人　恵友会</t>
  </si>
  <si>
    <t>大阪市淀川区東三国4-15-13</t>
  </si>
  <si>
    <t>大阪市生野区勝山北2-11-26</t>
    <phoneticPr fontId="3"/>
  </si>
  <si>
    <t>大阪市旭区森小路2-1-10 石川ﾋﾞﾙ2階</t>
    <phoneticPr fontId="3"/>
  </si>
  <si>
    <t>大阪市東住吉区湯里2-5-11</t>
  </si>
  <si>
    <t>大阪市東住吉区北田辺4-11-21</t>
  </si>
  <si>
    <t>大阪市東住吉区北田辺4-13-3</t>
  </si>
  <si>
    <t>大阪市東住吉区矢田4-10-17</t>
  </si>
  <si>
    <t>大阪市東住吉区東田辺3-6-16</t>
  </si>
  <si>
    <t>大阪市東淀川区菅原6-25-16</t>
  </si>
  <si>
    <t>医療法人　田島医院</t>
  </si>
  <si>
    <t>大阪市平野区平野南1-5-28</t>
  </si>
  <si>
    <t>大阪市城東区諏訪1-3-1</t>
  </si>
  <si>
    <t>大阪市城東区成育3-14-15</t>
  </si>
  <si>
    <t>大阪市城東区成育4-6-13</t>
  </si>
  <si>
    <t>大阪市城東区中央1-6-18</t>
  </si>
  <si>
    <t>医療法人　ビッグスマイル</t>
  </si>
  <si>
    <t>医療法人　恵登久会</t>
  </si>
  <si>
    <t>大阪市東成区東中本2-16-19 ﾛｲﾔﾙﾗﾌｨｰﾈ102号</t>
    <rPh sb="29" eb="30">
      <t>ゴウ</t>
    </rPh>
    <phoneticPr fontId="3"/>
  </si>
  <si>
    <t>大阪市鶴見区今津北4-14-2</t>
  </si>
  <si>
    <t>大阪市鶴見区諸口1-13-16</t>
  </si>
  <si>
    <t>大阪市鶴見区諸口4-15-15</t>
  </si>
  <si>
    <t>大阪市鶴見区鶴見6-9-24</t>
  </si>
  <si>
    <t>大阪市鶴見区放出東3-31-33</t>
  </si>
  <si>
    <t>医療法人　晃司歯科医院</t>
    <rPh sb="5" eb="7">
      <t>コウジ</t>
    </rPh>
    <rPh sb="7" eb="9">
      <t>シカ</t>
    </rPh>
    <rPh sb="9" eb="11">
      <t>イイン</t>
    </rPh>
    <phoneticPr fontId="5"/>
  </si>
  <si>
    <t>大阪市城東区関目2-13-13</t>
  </si>
  <si>
    <t>大阪市阿倍野区帝塚山1-12-11</t>
  </si>
  <si>
    <t>医療法人　赤垣婦人科クリニック</t>
    <phoneticPr fontId="3"/>
  </si>
  <si>
    <t>医療法人　吉田こどもクリニック</t>
    <rPh sb="0" eb="2">
      <t>イリョウ</t>
    </rPh>
    <rPh sb="2" eb="4">
      <t>ホウジン</t>
    </rPh>
    <rPh sb="5" eb="7">
      <t>ヨシダ</t>
    </rPh>
    <phoneticPr fontId="3"/>
  </si>
  <si>
    <t>大阪市北区天神橋6-5-7</t>
  </si>
  <si>
    <t>大阪市北区天神橋7-2-7</t>
  </si>
  <si>
    <t>大阪市東成区大今里南3-3-3</t>
    <phoneticPr fontId="3"/>
  </si>
  <si>
    <t>大阪市西区西本町1-5-9 日清ﾋﾞﾙ3階</t>
    <phoneticPr fontId="3"/>
  </si>
  <si>
    <t>大阪市西成区鶴見橋3-4-20</t>
  </si>
  <si>
    <t>大阪市東住吉区照ヶ丘矢田3-5-1仲井マンション1階</t>
    <rPh sb="3" eb="6">
      <t>ヒガシスミヨシ</t>
    </rPh>
    <rPh sb="7" eb="12">
      <t>テルガオカヤタ</t>
    </rPh>
    <rPh sb="17" eb="19">
      <t>ナカイ</t>
    </rPh>
    <rPh sb="25" eb="26">
      <t>カイ</t>
    </rPh>
    <phoneticPr fontId="3"/>
  </si>
  <si>
    <t>大阪市大正区千島2-4 千島公団2棟121室</t>
    <phoneticPr fontId="3"/>
  </si>
  <si>
    <t>大阪市大正区鶴町3-9-5</t>
    <phoneticPr fontId="3"/>
  </si>
  <si>
    <t>医療法人　森本整形外科</t>
    <rPh sb="5" eb="6">
      <t>モリ</t>
    </rPh>
    <rPh sb="6" eb="7">
      <t>ホン</t>
    </rPh>
    <rPh sb="7" eb="8">
      <t>タダシ</t>
    </rPh>
    <rPh sb="8" eb="9">
      <t>ケイ</t>
    </rPh>
    <rPh sb="9" eb="10">
      <t>ガイ</t>
    </rPh>
    <rPh sb="10" eb="11">
      <t>カ</t>
    </rPh>
    <phoneticPr fontId="5"/>
  </si>
  <si>
    <t>医療法人　同友会</t>
  </si>
  <si>
    <t>医療法人　北星会</t>
  </si>
  <si>
    <t>医療法人　同仁会</t>
  </si>
  <si>
    <t>大阪市北区天神橋2-5-22 佐藤ﾋﾞﾙ1階</t>
  </si>
  <si>
    <t>大阪市北区天神橋3-1-10</t>
  </si>
  <si>
    <t>医療法人　福仁会</t>
  </si>
  <si>
    <t>医療法人　浩樹会</t>
  </si>
  <si>
    <t>医療法人　眼科にしかわクリニック</t>
  </si>
  <si>
    <t>医療法人　実有会</t>
    <rPh sb="5" eb="6">
      <t>ミ</t>
    </rPh>
    <rPh sb="6" eb="7">
      <t>ア</t>
    </rPh>
    <rPh sb="7" eb="8">
      <t>カイ</t>
    </rPh>
    <phoneticPr fontId="3"/>
  </si>
  <si>
    <t>医療法人　璃香会</t>
    <rPh sb="5" eb="6">
      <t>リ</t>
    </rPh>
    <rPh sb="6" eb="7">
      <t>コウ</t>
    </rPh>
    <rPh sb="7" eb="8">
      <t>カイ</t>
    </rPh>
    <phoneticPr fontId="3"/>
  </si>
  <si>
    <t>医療法人　松本歯科クリニック</t>
    <rPh sb="5" eb="7">
      <t>マツモト</t>
    </rPh>
    <rPh sb="7" eb="9">
      <t>シカ</t>
    </rPh>
    <phoneticPr fontId="3"/>
  </si>
  <si>
    <t>医療法人　蘭桜会</t>
    <rPh sb="5" eb="6">
      <t>ラン</t>
    </rPh>
    <rPh sb="6" eb="7">
      <t>サクラ</t>
    </rPh>
    <rPh sb="7" eb="8">
      <t>カイ</t>
    </rPh>
    <phoneticPr fontId="3"/>
  </si>
  <si>
    <t>医療法人　村上デンタルクリニック</t>
    <rPh sb="5" eb="7">
      <t>ムラカミ</t>
    </rPh>
    <phoneticPr fontId="3"/>
  </si>
  <si>
    <t>医療法人　優伸会</t>
    <rPh sb="5" eb="6">
      <t>ユウ</t>
    </rPh>
    <rPh sb="6" eb="7">
      <t>シン</t>
    </rPh>
    <rPh sb="7" eb="8">
      <t>カイ</t>
    </rPh>
    <phoneticPr fontId="3"/>
  </si>
  <si>
    <t>医療法人　星壽会</t>
    <rPh sb="5" eb="6">
      <t>セイ</t>
    </rPh>
    <rPh sb="6" eb="7">
      <t>ジュ</t>
    </rPh>
    <rPh sb="7" eb="8">
      <t>カイ</t>
    </rPh>
    <phoneticPr fontId="3"/>
  </si>
  <si>
    <t>医療法人　杏樹会</t>
    <rPh sb="0" eb="2">
      <t>イリョウ</t>
    </rPh>
    <rPh sb="2" eb="4">
      <t>ホウジン</t>
    </rPh>
    <rPh sb="5" eb="6">
      <t>アン</t>
    </rPh>
    <rPh sb="6" eb="7">
      <t>キ</t>
    </rPh>
    <rPh sb="7" eb="8">
      <t>カイ</t>
    </rPh>
    <phoneticPr fontId="3"/>
  </si>
  <si>
    <t>医療法人　辰野歯科医院</t>
    <rPh sb="5" eb="7">
      <t>タツノ</t>
    </rPh>
    <rPh sb="7" eb="9">
      <t>シカ</t>
    </rPh>
    <rPh sb="9" eb="11">
      <t>イイン</t>
    </rPh>
    <phoneticPr fontId="5"/>
  </si>
  <si>
    <t>医療法人　かなざわ歯科</t>
    <rPh sb="9" eb="11">
      <t>シカ</t>
    </rPh>
    <phoneticPr fontId="5"/>
  </si>
  <si>
    <t>医療法人　優志会ふくだ歯科クリニック</t>
    <rPh sb="0" eb="2">
      <t>イリョウ</t>
    </rPh>
    <rPh sb="2" eb="4">
      <t>ホウジン</t>
    </rPh>
    <rPh sb="5" eb="7">
      <t>ユウシ</t>
    </rPh>
    <rPh sb="7" eb="8">
      <t>カイ</t>
    </rPh>
    <rPh sb="11" eb="13">
      <t>シカ</t>
    </rPh>
    <phoneticPr fontId="3"/>
  </si>
  <si>
    <t>大阪市都島区内代町1-2-32 ｻﾝｼｬｲﾝ88(1階)</t>
    <phoneticPr fontId="3"/>
  </si>
  <si>
    <t>大阪市都島区東野田町2-9-7 K2ﾋﾞﾙ2階</t>
    <phoneticPr fontId="3"/>
  </si>
  <si>
    <t>大阪市都島区片町1-5-4 栄ﾋﾞﾙ4階</t>
    <phoneticPr fontId="3"/>
  </si>
  <si>
    <t>大阪市福島区福島6-4-10 ｳｪｽﾄﾋﾞﾙ2階</t>
    <phoneticPr fontId="3"/>
  </si>
  <si>
    <t>大阪市福島区吉野3-11-7</t>
    <phoneticPr fontId="3"/>
  </si>
  <si>
    <t>医療法人　宏仁会</t>
    <phoneticPr fontId="3"/>
  </si>
  <si>
    <t>大阪市此花区伝法3-7-34</t>
    <phoneticPr fontId="3"/>
  </si>
  <si>
    <t>大阪市中央区日本橋1-3-1 三共日本橋ﾋﾞﾙ4階</t>
    <phoneticPr fontId="3"/>
  </si>
  <si>
    <t>大阪市中央区難波5-1-60 なんばCITY地下2階</t>
    <phoneticPr fontId="3"/>
  </si>
  <si>
    <t>大阪市中央区南船場3-2-1-202</t>
    <phoneticPr fontId="3"/>
  </si>
  <si>
    <t>大阪市中央区南船場3-5-11 りそな心斎橋ﾋﾞﾙ</t>
    <phoneticPr fontId="3"/>
  </si>
  <si>
    <t>城東区</t>
  </si>
  <si>
    <t>生野区</t>
  </si>
  <si>
    <t>西区</t>
  </si>
  <si>
    <t>西成区</t>
  </si>
  <si>
    <t>西淀川区</t>
  </si>
  <si>
    <t>大正区</t>
  </si>
  <si>
    <t>中央区</t>
  </si>
  <si>
    <t>鶴見区</t>
  </si>
  <si>
    <t>大阪市北区天神橋3-2-10</t>
    <rPh sb="3" eb="4">
      <t>キタ</t>
    </rPh>
    <rPh sb="5" eb="8">
      <t>テンジンバシ</t>
    </rPh>
    <phoneticPr fontId="3"/>
  </si>
  <si>
    <t>中央区</t>
    <rPh sb="0" eb="2">
      <t>チュウオウ</t>
    </rPh>
    <rPh sb="2" eb="3">
      <t>ク</t>
    </rPh>
    <phoneticPr fontId="3"/>
  </si>
  <si>
    <t>大阪市中央区北浜3-17-12</t>
    <rPh sb="3" eb="5">
      <t>チュウオウ</t>
    </rPh>
    <rPh sb="6" eb="8">
      <t>キタハマ</t>
    </rPh>
    <phoneticPr fontId="3"/>
  </si>
  <si>
    <t>医療法人　中内眼科医院</t>
  </si>
  <si>
    <t>医療法人　なると会</t>
  </si>
  <si>
    <t>医療法人　宝寿</t>
  </si>
  <si>
    <t>医療法人　坂部医院</t>
  </si>
  <si>
    <t>医療法人　雄誠会</t>
  </si>
  <si>
    <t>医療法人　有沢医院</t>
  </si>
  <si>
    <t>医療法人　いわもと整形外科</t>
  </si>
  <si>
    <t>医療法人　協同診療所</t>
  </si>
  <si>
    <t>医療法人　谷山会誠医院</t>
  </si>
  <si>
    <t>医療法人　広石耳鼻咽喉科</t>
  </si>
  <si>
    <t>大阪市阿倍野区阿倍野筋5-3-2</t>
  </si>
  <si>
    <t>大阪市阿倍野区丸山通1-3-46</t>
  </si>
  <si>
    <t>大阪市阿倍野区松崎町2-3-60</t>
  </si>
  <si>
    <t>大阪市阿倍野区天王寺町北2-15-10</t>
  </si>
  <si>
    <t>大阪市阿倍野区美章園2-2-5</t>
  </si>
  <si>
    <t>大阪市阿倍野区万代1-6-16</t>
  </si>
  <si>
    <t>大阪市阿倍野区阿倍野筋1-2-15</t>
  </si>
  <si>
    <t>大阪市東淀川区淡路3-20-23 ﾒｿﾞﾝﾄﾞｰﾙ清水102号</t>
    <rPh sb="30" eb="31">
      <t>ゴウ</t>
    </rPh>
    <phoneticPr fontId="3"/>
  </si>
  <si>
    <t>医療法人　黒瀬歯科診療所</t>
  </si>
  <si>
    <t>大阪市中央区道修町2-6-6 塩野日生ﾋﾞﾙ1階</t>
    <phoneticPr fontId="3"/>
  </si>
  <si>
    <t>大阪市鶴見区今津南1-7-27</t>
  </si>
  <si>
    <t>大阪市鶴見区今津南2-5-31</t>
  </si>
  <si>
    <t>大阪市鶴見区今津南2-5-38</t>
  </si>
  <si>
    <t>医療法人　治生会</t>
  </si>
  <si>
    <t>医療法人　中川医院</t>
  </si>
  <si>
    <t>医療法人　紫陽会</t>
  </si>
  <si>
    <t>医療法人　坂本医院</t>
  </si>
  <si>
    <t>医療法人　小児科南野クリニック</t>
  </si>
  <si>
    <t>医療法人　銀嶺会</t>
    <rPh sb="5" eb="6">
      <t>ギン</t>
    </rPh>
    <rPh sb="6" eb="7">
      <t>レイ</t>
    </rPh>
    <rPh sb="7" eb="8">
      <t>カイ</t>
    </rPh>
    <phoneticPr fontId="5"/>
  </si>
  <si>
    <t>医療法人　聖和会</t>
  </si>
  <si>
    <t>医療法人　むつみ</t>
  </si>
  <si>
    <t>医療法人　ハートフリーやすらぎ</t>
  </si>
  <si>
    <t>医療法人　井上歯科医院</t>
  </si>
  <si>
    <t>医療法人　松山診療所</t>
  </si>
  <si>
    <t>医療法人　木本会鈴木産婦人科</t>
  </si>
  <si>
    <t>医療法人　黒住医院</t>
  </si>
  <si>
    <t>医療法人　八杉クリニック</t>
  </si>
  <si>
    <t>大阪市平野区平野市町1-10-18</t>
  </si>
  <si>
    <t>大阪市平野区平野市町2-7-10</t>
  </si>
  <si>
    <t>医療法人　かめおかクリニック</t>
  </si>
  <si>
    <t>大阪市東成区大今里南6-5-17</t>
  </si>
  <si>
    <t>大阪市東成区中道2-25-10</t>
  </si>
  <si>
    <t>大阪市東成区東小橋3-1-9</t>
  </si>
  <si>
    <t xml:space="preserve">大阪市東成区東小橋3-9-18 </t>
  </si>
  <si>
    <t>大阪市東成区東中本2-16-28</t>
  </si>
  <si>
    <t>大阪市北区芝田2-6-30 梅田清和ﾋﾞﾙ5階</t>
    <phoneticPr fontId="3"/>
  </si>
  <si>
    <t>大阪市此花区梅香3-22-14</t>
  </si>
  <si>
    <t>大阪市此花区梅香3-31-13</t>
  </si>
  <si>
    <t>大阪市此花区梅香3-33-14</t>
  </si>
  <si>
    <t>大阪市港区磯路2-1-1</t>
  </si>
  <si>
    <t>大阪市港区市岡1-14-16</t>
  </si>
  <si>
    <t>大阪市港区市岡元町2-11-4</t>
  </si>
  <si>
    <t>大阪市港区池島1-1-20</t>
  </si>
  <si>
    <t>大阪市港区波除2-5-19</t>
  </si>
  <si>
    <t>大阪市平野区流町2-6-7</t>
    <rPh sb="3" eb="5">
      <t>ヒラノ</t>
    </rPh>
    <rPh sb="6" eb="7">
      <t>ナガレ</t>
    </rPh>
    <rPh sb="7" eb="8">
      <t>マチ</t>
    </rPh>
    <phoneticPr fontId="3"/>
  </si>
  <si>
    <t>医療法人　医方会</t>
    <rPh sb="5" eb="6">
      <t>イ</t>
    </rPh>
    <rPh sb="6" eb="7">
      <t>カタ</t>
    </rPh>
    <rPh sb="7" eb="8">
      <t>カイ</t>
    </rPh>
    <phoneticPr fontId="3"/>
  </si>
  <si>
    <t>大阪市城東区中央2-13-19 YKﾏﾝｼｮﾝ1階</t>
    <phoneticPr fontId="3"/>
  </si>
  <si>
    <t>大阪市城東区関目5-5-13 寺崎ﾋﾞﾙ1階</t>
    <phoneticPr fontId="3"/>
  </si>
  <si>
    <t>医療法人　趙洲会</t>
    <rPh sb="6" eb="7">
      <t>シュウ</t>
    </rPh>
    <rPh sb="7" eb="8">
      <t>カイ</t>
    </rPh>
    <phoneticPr fontId="3"/>
  </si>
  <si>
    <t>医療法人　市橋クリニック</t>
  </si>
  <si>
    <t>医療法人　石田クリニック</t>
  </si>
  <si>
    <t>大阪市都島区都島南通1-20-13</t>
    <rPh sb="3" eb="5">
      <t>ミヤコジマ</t>
    </rPh>
    <rPh sb="6" eb="8">
      <t>ミヤコジマ</t>
    </rPh>
    <rPh sb="8" eb="9">
      <t>ミナミ</t>
    </rPh>
    <rPh sb="9" eb="10">
      <t>トオ</t>
    </rPh>
    <phoneticPr fontId="3"/>
  </si>
  <si>
    <t>大阪市都島区都島本通1-7-19 都島楠風ﾋﾞﾙ603号</t>
    <rPh sb="27" eb="28">
      <t>ゴウ</t>
    </rPh>
    <phoneticPr fontId="3"/>
  </si>
  <si>
    <t>医療法人　こすもす</t>
  </si>
  <si>
    <t>大阪市西成区岸里東2-3-22</t>
  </si>
  <si>
    <t>大阪市北区角田町1-12</t>
  </si>
  <si>
    <t>医療法人　橋本膠原病リウマチクリニック</t>
    <rPh sb="7" eb="10">
      <t>コウゲンビョウ</t>
    </rPh>
    <phoneticPr fontId="3"/>
  </si>
  <si>
    <t>中央区</t>
    <phoneticPr fontId="3"/>
  </si>
  <si>
    <t>城東区</t>
    <phoneticPr fontId="3"/>
  </si>
  <si>
    <t>大阪市西成区天下茶屋3-20-17</t>
    <phoneticPr fontId="3"/>
  </si>
  <si>
    <t>医療法人　いちば歯科医院</t>
    <rPh sb="8" eb="10">
      <t>シカ</t>
    </rPh>
    <rPh sb="10" eb="12">
      <t>イイン</t>
    </rPh>
    <phoneticPr fontId="3"/>
  </si>
  <si>
    <t>医療法人　いなみや皮フ科クリニック</t>
    <rPh sb="9" eb="10">
      <t>ヒ</t>
    </rPh>
    <rPh sb="11" eb="12">
      <t>カ</t>
    </rPh>
    <phoneticPr fontId="3"/>
  </si>
  <si>
    <t>医療法人　社団ハイメディッククリニックＷＥＳＴ</t>
  </si>
  <si>
    <t>医療法人　大織会</t>
  </si>
  <si>
    <t>医療法人　西恵会</t>
  </si>
  <si>
    <t>医療法人　竹村クリニック</t>
  </si>
  <si>
    <t>医療法人　松真会</t>
  </si>
  <si>
    <t>医療法人　志成会</t>
  </si>
  <si>
    <t>医療法人　塩見眼科</t>
  </si>
  <si>
    <t>大阪市東住吉区山坂5-2-8</t>
  </si>
  <si>
    <t>医療法人　むらた整形外科クリニック</t>
    <rPh sb="0" eb="2">
      <t>イリョウ</t>
    </rPh>
    <rPh sb="2" eb="4">
      <t>ホウジン</t>
    </rPh>
    <rPh sb="8" eb="10">
      <t>セイケイ</t>
    </rPh>
    <rPh sb="10" eb="12">
      <t>ゲカ</t>
    </rPh>
    <phoneticPr fontId="3"/>
  </si>
  <si>
    <t>医療法人　門田診療所</t>
  </si>
  <si>
    <t>医療法人　ニイヤ歯科</t>
  </si>
  <si>
    <t>医療法人　大西クリニック</t>
  </si>
  <si>
    <t>医療法人　岡部耳鼻咽喉科医院</t>
  </si>
  <si>
    <t>医療法人　溝口医院</t>
  </si>
  <si>
    <t>医療法人　高栄会</t>
  </si>
  <si>
    <t>医療法人　光臨会</t>
  </si>
  <si>
    <t>医療法人　節和会</t>
    <rPh sb="5" eb="6">
      <t>セツ</t>
    </rPh>
    <rPh sb="6" eb="7">
      <t>ワ</t>
    </rPh>
    <rPh sb="7" eb="8">
      <t>カイ</t>
    </rPh>
    <phoneticPr fontId="3"/>
  </si>
  <si>
    <t>福島区</t>
    <rPh sb="0" eb="3">
      <t>フクシマク</t>
    </rPh>
    <phoneticPr fontId="3"/>
  </si>
  <si>
    <t>医療法人　冨吉医院</t>
  </si>
  <si>
    <t>○</t>
  </si>
  <si>
    <t>大阪市生野区勝山北1-3-19</t>
  </si>
  <si>
    <t>大阪市生野区勝山北5-1-12</t>
  </si>
  <si>
    <t>大阪市生野区勝山北5-18-9</t>
  </si>
  <si>
    <t>大阪市生野区小路2-20-17</t>
  </si>
  <si>
    <t>大阪市生野区小路東3-3-7</t>
  </si>
  <si>
    <t>大阪市生野区小路東4-6-27</t>
  </si>
  <si>
    <t>大阪市生野区新今里1-18-22</t>
  </si>
  <si>
    <t>大阪市生野区新今里2-6-24</t>
  </si>
  <si>
    <t>大阪市生野区新今里5-2-10</t>
  </si>
  <si>
    <t>大阪市東成区深江北2-9-20</t>
    <phoneticPr fontId="3"/>
  </si>
  <si>
    <t>医療法人　ツツイ美容外科</t>
  </si>
  <si>
    <t>医療法人　大野医院</t>
  </si>
  <si>
    <t>医療法人　西村耳鼻咽喉科</t>
  </si>
  <si>
    <t>医療法人　コスモス会</t>
  </si>
  <si>
    <t>医療法人　森医院</t>
  </si>
  <si>
    <t>医療法人　健浩会</t>
  </si>
  <si>
    <t>医療法人　養裕会</t>
  </si>
  <si>
    <t>医療法人　吉田医院</t>
  </si>
  <si>
    <t>医療法人　横田クリニック</t>
  </si>
  <si>
    <t>医療法人　医済会</t>
  </si>
  <si>
    <t>医療法人　トキワクリニック</t>
  </si>
  <si>
    <t>医療法人　クリニック石田</t>
  </si>
  <si>
    <t>大阪市生野区勝山北5-20-20</t>
    <phoneticPr fontId="3"/>
  </si>
  <si>
    <t>大阪市旭区赤川4-17-5</t>
    <phoneticPr fontId="3"/>
  </si>
  <si>
    <t>大阪市北区天神橋5-5-23</t>
  </si>
  <si>
    <t>大阪市北区天神橋5-6-13</t>
  </si>
  <si>
    <t>大阪市都島区東野田町5-9-12</t>
  </si>
  <si>
    <t>大阪市都島区内代町1-8-24</t>
  </si>
  <si>
    <t>平野区</t>
    <rPh sb="0" eb="2">
      <t>ヒラノ</t>
    </rPh>
    <phoneticPr fontId="3"/>
  </si>
  <si>
    <t>医療法人　浩治会</t>
  </si>
  <si>
    <t>医療法人　ももだ耳鼻咽喉科</t>
  </si>
  <si>
    <t>医療法人　九門会</t>
    <rPh sb="0" eb="2">
      <t>イリョウ</t>
    </rPh>
    <rPh sb="2" eb="4">
      <t>ホウジン</t>
    </rPh>
    <rPh sb="5" eb="6">
      <t>ク</t>
    </rPh>
    <rPh sb="6" eb="7">
      <t>モン</t>
    </rPh>
    <rPh sb="7" eb="8">
      <t>カイ</t>
    </rPh>
    <phoneticPr fontId="3"/>
  </si>
  <si>
    <t>医療法人　宝秀会</t>
    <rPh sb="0" eb="2">
      <t>イリョウ</t>
    </rPh>
    <rPh sb="2" eb="4">
      <t>ホウジン</t>
    </rPh>
    <rPh sb="5" eb="6">
      <t>ホウ</t>
    </rPh>
    <rPh sb="6" eb="7">
      <t>シュウ</t>
    </rPh>
    <rPh sb="7" eb="8">
      <t>カイ</t>
    </rPh>
    <phoneticPr fontId="3"/>
  </si>
  <si>
    <t>医療法人　稲本眼科医院</t>
    <rPh sb="5" eb="7">
      <t>イナモト</t>
    </rPh>
    <rPh sb="7" eb="10">
      <t>ガンカイ</t>
    </rPh>
    <rPh sb="10" eb="11">
      <t>イン</t>
    </rPh>
    <phoneticPr fontId="3"/>
  </si>
  <si>
    <t>医療法人　喜多岡医院</t>
  </si>
  <si>
    <t>大阪市西淀川区野里1-20-21</t>
    <rPh sb="7" eb="8">
      <t>ノ</t>
    </rPh>
    <phoneticPr fontId="3"/>
  </si>
  <si>
    <t>大阪市浪速区難波中1-13-20　5階</t>
    <rPh sb="18" eb="19">
      <t>カイ</t>
    </rPh>
    <phoneticPr fontId="3"/>
  </si>
  <si>
    <t>大阪市大正区泉尾3-13-5</t>
    <phoneticPr fontId="3"/>
  </si>
  <si>
    <t>大阪市大正区三軒家西2-18-5</t>
    <rPh sb="6" eb="10">
      <t>サンゲンヤニシ</t>
    </rPh>
    <phoneticPr fontId="3"/>
  </si>
  <si>
    <t>医療法人　篠原医院</t>
    <phoneticPr fontId="3"/>
  </si>
  <si>
    <t>医療法人　林クリニック</t>
    <phoneticPr fontId="3"/>
  </si>
  <si>
    <t>医療法人　井上整形外科</t>
    <rPh sb="5" eb="6">
      <t>イ</t>
    </rPh>
    <rPh sb="6" eb="7">
      <t>ウエ</t>
    </rPh>
    <rPh sb="7" eb="9">
      <t>セイケイ</t>
    </rPh>
    <phoneticPr fontId="3"/>
  </si>
  <si>
    <t>医療法人　啓信会</t>
    <rPh sb="5" eb="6">
      <t>ケイ</t>
    </rPh>
    <rPh sb="6" eb="7">
      <t>シン</t>
    </rPh>
    <phoneticPr fontId="3"/>
  </si>
  <si>
    <t>大阪市住吉区我孫子東3-1-3</t>
    <rPh sb="0" eb="3">
      <t>オオサカシ</t>
    </rPh>
    <rPh sb="3" eb="6">
      <t>スミヨシク</t>
    </rPh>
    <rPh sb="6" eb="9">
      <t>アビコ</t>
    </rPh>
    <rPh sb="9" eb="10">
      <t>ヒガシ</t>
    </rPh>
    <phoneticPr fontId="3"/>
  </si>
  <si>
    <t>東淀川区</t>
    <rPh sb="0" eb="4">
      <t>ヒガシヨドガワク</t>
    </rPh>
    <phoneticPr fontId="3"/>
  </si>
  <si>
    <t>大阪市東淀川区淡路3-20-17 ﾙﾐｴｰﾙｴｽﾄ淀川1階</t>
    <rPh sb="0" eb="3">
      <t>オオサカシ</t>
    </rPh>
    <rPh sb="3" eb="7">
      <t>ヒガシヨドガワク</t>
    </rPh>
    <rPh sb="7" eb="9">
      <t>アワジ</t>
    </rPh>
    <rPh sb="25" eb="27">
      <t>ヨドガワ</t>
    </rPh>
    <rPh sb="28" eb="29">
      <t>カイ</t>
    </rPh>
    <phoneticPr fontId="3"/>
  </si>
  <si>
    <t>医療法人　池田クリニック</t>
    <rPh sb="5" eb="7">
      <t>イケダ</t>
    </rPh>
    <phoneticPr fontId="3"/>
  </si>
  <si>
    <t>大阪市天王寺区国分町3-26 大松国分町ﾋﾞﾙ1階</t>
    <rPh sb="0" eb="3">
      <t>オオサカシ</t>
    </rPh>
    <rPh sb="3" eb="7">
      <t>テンノウジク</t>
    </rPh>
    <rPh sb="7" eb="9">
      <t>コクブン</t>
    </rPh>
    <rPh sb="9" eb="10">
      <t>マチ</t>
    </rPh>
    <rPh sb="15" eb="16">
      <t>ダイ</t>
    </rPh>
    <rPh sb="16" eb="17">
      <t>マツ</t>
    </rPh>
    <rPh sb="17" eb="19">
      <t>コクブン</t>
    </rPh>
    <rPh sb="19" eb="20">
      <t>マチ</t>
    </rPh>
    <rPh sb="24" eb="25">
      <t>カイ</t>
    </rPh>
    <phoneticPr fontId="3"/>
  </si>
  <si>
    <t>旭区</t>
    <rPh sb="0" eb="2">
      <t>アサヒク</t>
    </rPh>
    <phoneticPr fontId="3"/>
  </si>
  <si>
    <t>大阪市旭区清水3-1-14</t>
    <rPh sb="0" eb="3">
      <t>オオサカシ</t>
    </rPh>
    <rPh sb="3" eb="5">
      <t>アサヒク</t>
    </rPh>
    <rPh sb="5" eb="7">
      <t>シミズ</t>
    </rPh>
    <phoneticPr fontId="3"/>
  </si>
  <si>
    <t>東成区</t>
    <rPh sb="0" eb="3">
      <t>ヒガシナリク</t>
    </rPh>
    <phoneticPr fontId="3"/>
  </si>
  <si>
    <t>大阪市東成区中道3-16-15 ｿﾚｱｰﾄﾞ玉造2階</t>
    <rPh sb="0" eb="3">
      <t>オオサカシ</t>
    </rPh>
    <rPh sb="3" eb="6">
      <t>ヒガシナリク</t>
    </rPh>
    <rPh sb="6" eb="8">
      <t>ナカミチ</t>
    </rPh>
    <rPh sb="22" eb="24">
      <t>タマツクリ</t>
    </rPh>
    <rPh sb="25" eb="26">
      <t>カイ</t>
    </rPh>
    <phoneticPr fontId="3"/>
  </si>
  <si>
    <t>浪速区</t>
    <rPh sb="0" eb="2">
      <t>ナニワ</t>
    </rPh>
    <rPh sb="2" eb="3">
      <t>ク</t>
    </rPh>
    <phoneticPr fontId="3"/>
  </si>
  <si>
    <t>大阪市浪速区湊町2-1-7</t>
    <rPh sb="0" eb="3">
      <t>オオサカシ</t>
    </rPh>
    <rPh sb="3" eb="6">
      <t>ナニワク</t>
    </rPh>
    <rPh sb="6" eb="7">
      <t>ミナト</t>
    </rPh>
    <rPh sb="7" eb="8">
      <t>マチ</t>
    </rPh>
    <phoneticPr fontId="3"/>
  </si>
  <si>
    <t>大阪市生野区桃谷2-5-25</t>
    <rPh sb="0" eb="3">
      <t>オオサカシ</t>
    </rPh>
    <rPh sb="3" eb="6">
      <t>イクノク</t>
    </rPh>
    <rPh sb="6" eb="8">
      <t>モモダニ</t>
    </rPh>
    <phoneticPr fontId="3"/>
  </si>
  <si>
    <t>大阪市天王寺区真法院町6-12 真法院JNﾋﾞﾙ2階</t>
    <rPh sb="0" eb="3">
      <t>オオサカシ</t>
    </rPh>
    <rPh sb="3" eb="7">
      <t>テンノウジク</t>
    </rPh>
    <rPh sb="7" eb="8">
      <t>シン</t>
    </rPh>
    <rPh sb="8" eb="9">
      <t>ホウ</t>
    </rPh>
    <rPh sb="9" eb="10">
      <t>イン</t>
    </rPh>
    <rPh sb="10" eb="11">
      <t>マチ</t>
    </rPh>
    <rPh sb="16" eb="17">
      <t>シン</t>
    </rPh>
    <rPh sb="17" eb="18">
      <t>ホウ</t>
    </rPh>
    <rPh sb="18" eb="19">
      <t>イン</t>
    </rPh>
    <rPh sb="25" eb="26">
      <t>カイ</t>
    </rPh>
    <phoneticPr fontId="3"/>
  </si>
  <si>
    <t>大阪市都島区東野田町2-9-23 晃進ﾋﾞﾙ4階</t>
    <rPh sb="0" eb="3">
      <t>オオサカシ</t>
    </rPh>
    <rPh sb="3" eb="6">
      <t>ミヤコジマク</t>
    </rPh>
    <rPh sb="6" eb="7">
      <t>ヒガシ</t>
    </rPh>
    <rPh sb="7" eb="9">
      <t>ノダ</t>
    </rPh>
    <rPh sb="9" eb="10">
      <t>マチ</t>
    </rPh>
    <rPh sb="17" eb="18">
      <t>アキラ</t>
    </rPh>
    <rPh sb="18" eb="19">
      <t>シン</t>
    </rPh>
    <rPh sb="23" eb="24">
      <t>カイ</t>
    </rPh>
    <phoneticPr fontId="3"/>
  </si>
  <si>
    <t>大阪市阿倍野区旭町1-1-27 三洋ﾋﾞﾙ2・3階</t>
    <rPh sb="0" eb="3">
      <t>オオサカシ</t>
    </rPh>
    <rPh sb="3" eb="7">
      <t>アベノク</t>
    </rPh>
    <rPh sb="7" eb="9">
      <t>アサヒマチ</t>
    </rPh>
    <rPh sb="16" eb="18">
      <t>サンヨウ</t>
    </rPh>
    <rPh sb="24" eb="25">
      <t>カイ</t>
    </rPh>
    <phoneticPr fontId="3"/>
  </si>
  <si>
    <t>大阪市天王寺区上本町6-6-26 上六光陽ﾋﾞﾙ302号</t>
    <rPh sb="0" eb="3">
      <t>オオサカシ</t>
    </rPh>
    <rPh sb="3" eb="7">
      <t>テンノウジク</t>
    </rPh>
    <rPh sb="7" eb="10">
      <t>ウエホンマチ</t>
    </rPh>
    <rPh sb="17" eb="18">
      <t>ウエ</t>
    </rPh>
    <rPh sb="18" eb="19">
      <t>ロク</t>
    </rPh>
    <rPh sb="19" eb="20">
      <t>ヒカリ</t>
    </rPh>
    <rPh sb="20" eb="21">
      <t>ヨウ</t>
    </rPh>
    <rPh sb="27" eb="28">
      <t>ゴウ</t>
    </rPh>
    <phoneticPr fontId="3"/>
  </si>
  <si>
    <t>大阪市住吉区我孫子東2-3-2</t>
    <rPh sb="0" eb="3">
      <t>オオサカシ</t>
    </rPh>
    <rPh sb="3" eb="6">
      <t>スミヨシク</t>
    </rPh>
    <rPh sb="6" eb="9">
      <t>アビコ</t>
    </rPh>
    <rPh sb="9" eb="10">
      <t>ヒガシ</t>
    </rPh>
    <phoneticPr fontId="3"/>
  </si>
  <si>
    <t>大阪市阿倍野区松崎町1-2-8 天王寺都ﾎﾃﾙ地下1階</t>
    <rPh sb="0" eb="3">
      <t>オオサカシ</t>
    </rPh>
    <rPh sb="3" eb="7">
      <t>アベノク</t>
    </rPh>
    <rPh sb="7" eb="9">
      <t>マツザキ</t>
    </rPh>
    <rPh sb="9" eb="10">
      <t>マチ</t>
    </rPh>
    <rPh sb="16" eb="19">
      <t>テンノウジ</t>
    </rPh>
    <rPh sb="19" eb="20">
      <t>ミヤコ</t>
    </rPh>
    <rPh sb="23" eb="25">
      <t>チカ</t>
    </rPh>
    <rPh sb="26" eb="27">
      <t>カイ</t>
    </rPh>
    <phoneticPr fontId="3"/>
  </si>
  <si>
    <t>城東区</t>
    <rPh sb="0" eb="2">
      <t>ジョウトウ</t>
    </rPh>
    <rPh sb="2" eb="3">
      <t>ク</t>
    </rPh>
    <phoneticPr fontId="3"/>
  </si>
  <si>
    <t>大阪市城東区永田2-6-29</t>
    <rPh sb="0" eb="3">
      <t>オオサカシ</t>
    </rPh>
    <rPh sb="3" eb="6">
      <t>ジョウトウク</t>
    </rPh>
    <rPh sb="6" eb="8">
      <t>ナガタ</t>
    </rPh>
    <phoneticPr fontId="3"/>
  </si>
  <si>
    <t>医療法人　くぼたこどもクリニック</t>
    <phoneticPr fontId="3"/>
  </si>
  <si>
    <t>大阪市生野区勝山北2-6-18</t>
    <rPh sb="0" eb="3">
      <t>オオサカシ</t>
    </rPh>
    <rPh sb="3" eb="6">
      <t>イクノク</t>
    </rPh>
    <rPh sb="6" eb="8">
      <t>カツヤマ</t>
    </rPh>
    <rPh sb="8" eb="9">
      <t>キタ</t>
    </rPh>
    <phoneticPr fontId="3"/>
  </si>
  <si>
    <t>医療法人　紀映会</t>
    <rPh sb="5" eb="6">
      <t>キ</t>
    </rPh>
    <rPh sb="6" eb="7">
      <t>エイ</t>
    </rPh>
    <rPh sb="7" eb="8">
      <t>カイ</t>
    </rPh>
    <phoneticPr fontId="3"/>
  </si>
  <si>
    <t>大阪市城東区中央1-2-23 京橋ﾊｲﾂﾋﾞﾙﾃﾞｨﾝｸﾞ1階</t>
    <rPh sb="0" eb="3">
      <t>オオサカシ</t>
    </rPh>
    <rPh sb="3" eb="6">
      <t>ジョウトウク</t>
    </rPh>
    <rPh sb="6" eb="8">
      <t>チュウオウ</t>
    </rPh>
    <rPh sb="15" eb="17">
      <t>キョウバシ</t>
    </rPh>
    <rPh sb="30" eb="31">
      <t>カイ</t>
    </rPh>
    <phoneticPr fontId="3"/>
  </si>
  <si>
    <t>医療法人　はしもと診療所</t>
    <rPh sb="9" eb="11">
      <t>シンリョウ</t>
    </rPh>
    <rPh sb="11" eb="12">
      <t>ショ</t>
    </rPh>
    <phoneticPr fontId="3"/>
  </si>
  <si>
    <t>大阪市城東区関目3-11-24</t>
    <rPh sb="0" eb="3">
      <t>オオサカシ</t>
    </rPh>
    <rPh sb="3" eb="6">
      <t>ジョウトウク</t>
    </rPh>
    <rPh sb="6" eb="8">
      <t>セキメ</t>
    </rPh>
    <phoneticPr fontId="3"/>
  </si>
  <si>
    <t>大阪市福島区福島5-6-16</t>
    <rPh sb="0" eb="3">
      <t>オオサカシ</t>
    </rPh>
    <rPh sb="3" eb="6">
      <t>フクシマク</t>
    </rPh>
    <rPh sb="6" eb="8">
      <t>フクシマ</t>
    </rPh>
    <phoneticPr fontId="3"/>
  </si>
  <si>
    <t>大阪市淀川区十三東2-7-17</t>
    <rPh sb="0" eb="3">
      <t>オオサカシ</t>
    </rPh>
    <rPh sb="3" eb="6">
      <t>ヨドガワク</t>
    </rPh>
    <rPh sb="6" eb="8">
      <t>ジュウソウ</t>
    </rPh>
    <rPh sb="8" eb="9">
      <t>ヒガシ</t>
    </rPh>
    <phoneticPr fontId="3"/>
  </si>
  <si>
    <t>医療法人　くぼりクリニック</t>
    <phoneticPr fontId="3"/>
  </si>
  <si>
    <t>大阪市住之江区住之江1-4-27 ﾊｲﾂ冨士1階</t>
    <rPh sb="0" eb="3">
      <t>オオサカシ</t>
    </rPh>
    <rPh sb="3" eb="7">
      <t>スミノエク</t>
    </rPh>
    <rPh sb="7" eb="10">
      <t>スミノエ</t>
    </rPh>
    <rPh sb="20" eb="22">
      <t>フジ</t>
    </rPh>
    <rPh sb="23" eb="24">
      <t>カイ</t>
    </rPh>
    <phoneticPr fontId="3"/>
  </si>
  <si>
    <t>大阪市東住吉区駒川5-3-5</t>
    <phoneticPr fontId="3"/>
  </si>
  <si>
    <t>大阪市北区天神橋6-3-16 朝日生命天六ﾋﾞﾙ3階</t>
    <rPh sb="0" eb="3">
      <t>オオサカシ</t>
    </rPh>
    <rPh sb="3" eb="5">
      <t>キタク</t>
    </rPh>
    <rPh sb="5" eb="8">
      <t>テンジンバシ</t>
    </rPh>
    <rPh sb="15" eb="17">
      <t>アサヒ</t>
    </rPh>
    <rPh sb="17" eb="19">
      <t>セイメイ</t>
    </rPh>
    <rPh sb="19" eb="20">
      <t>テン</t>
    </rPh>
    <rPh sb="20" eb="21">
      <t>ロク</t>
    </rPh>
    <rPh sb="25" eb="26">
      <t>カイ</t>
    </rPh>
    <phoneticPr fontId="3"/>
  </si>
  <si>
    <t>大阪市西区境川1-1-31境川ﾒﾃﾞｨｶﾙｾﾝﾀｰﾋﾞﾙ2階</t>
    <rPh sb="0" eb="3">
      <t>オオサカシ</t>
    </rPh>
    <rPh sb="3" eb="5">
      <t>ニシク</t>
    </rPh>
    <rPh sb="5" eb="7">
      <t>サカイガワ</t>
    </rPh>
    <rPh sb="13" eb="15">
      <t>サカイガワ</t>
    </rPh>
    <rPh sb="29" eb="30">
      <t>カイ</t>
    </rPh>
    <phoneticPr fontId="3"/>
  </si>
  <si>
    <t>大阪市淀川区三国本町2-13-2 ﾏｯｸｽﾊﾞﾘｭ淀川三国店2階</t>
    <rPh sb="0" eb="3">
      <t>オオサカシ</t>
    </rPh>
    <rPh sb="3" eb="6">
      <t>ヨドガワク</t>
    </rPh>
    <rPh sb="6" eb="8">
      <t>ミクニ</t>
    </rPh>
    <rPh sb="8" eb="10">
      <t>ホンマチ</t>
    </rPh>
    <rPh sb="25" eb="27">
      <t>ヨドガワ</t>
    </rPh>
    <rPh sb="27" eb="29">
      <t>ミクニ</t>
    </rPh>
    <rPh sb="29" eb="30">
      <t>ミセ</t>
    </rPh>
    <rPh sb="31" eb="32">
      <t>カイ</t>
    </rPh>
    <phoneticPr fontId="3"/>
  </si>
  <si>
    <t>大阪市北区松ヶ枝町1-3 ｻﾝｾﾝﾀｰﾋﾞﾙ１階</t>
    <rPh sb="0" eb="3">
      <t>オオサカシ</t>
    </rPh>
    <rPh sb="3" eb="5">
      <t>キタク</t>
    </rPh>
    <rPh sb="5" eb="6">
      <t>マツ</t>
    </rPh>
    <rPh sb="7" eb="8">
      <t>エダ</t>
    </rPh>
    <rPh sb="8" eb="9">
      <t>マチ</t>
    </rPh>
    <rPh sb="23" eb="24">
      <t>カイ</t>
    </rPh>
    <phoneticPr fontId="3"/>
  </si>
  <si>
    <t>医療法人　田中歯科医院</t>
    <rPh sb="5" eb="7">
      <t>タナカ</t>
    </rPh>
    <rPh sb="7" eb="9">
      <t>シカ</t>
    </rPh>
    <rPh sb="9" eb="11">
      <t>イイン</t>
    </rPh>
    <phoneticPr fontId="3"/>
  </si>
  <si>
    <t>大阪市中央区内本町1-2-14</t>
    <rPh sb="0" eb="3">
      <t>オオサカシ</t>
    </rPh>
    <rPh sb="3" eb="6">
      <t>チュウオウク</t>
    </rPh>
    <rPh sb="6" eb="7">
      <t>ウチ</t>
    </rPh>
    <rPh sb="7" eb="9">
      <t>ホンマチ</t>
    </rPh>
    <phoneticPr fontId="3"/>
  </si>
  <si>
    <t>大阪市港区弁天3-13-1 MEGAﾄﾞﾝ･ｷﾎｰﾃ2階</t>
    <rPh sb="0" eb="3">
      <t>オオサカシ</t>
    </rPh>
    <rPh sb="3" eb="5">
      <t>ミナトク</t>
    </rPh>
    <rPh sb="5" eb="7">
      <t>ベンテン</t>
    </rPh>
    <rPh sb="27" eb="28">
      <t>カイ</t>
    </rPh>
    <phoneticPr fontId="3"/>
  </si>
  <si>
    <t>大阪市都島区都島本通1-4-1</t>
    <rPh sb="0" eb="3">
      <t>オオサカシ</t>
    </rPh>
    <rPh sb="3" eb="6">
      <t>ミヤコジマク</t>
    </rPh>
    <rPh sb="6" eb="8">
      <t>ミヤコジマ</t>
    </rPh>
    <rPh sb="8" eb="10">
      <t>ホンドオ</t>
    </rPh>
    <phoneticPr fontId="3"/>
  </si>
  <si>
    <t>大阪市北区鶴野町1-3 安田ﾋﾞﾙ2階</t>
    <rPh sb="0" eb="3">
      <t>オオサカシ</t>
    </rPh>
    <rPh sb="3" eb="5">
      <t>キタク</t>
    </rPh>
    <rPh sb="5" eb="7">
      <t>ツルノ</t>
    </rPh>
    <rPh sb="7" eb="8">
      <t>マチ</t>
    </rPh>
    <rPh sb="12" eb="14">
      <t>ヤスダ</t>
    </rPh>
    <rPh sb="18" eb="19">
      <t>カイ</t>
    </rPh>
    <phoneticPr fontId="3"/>
  </si>
  <si>
    <t>医療法人　愛恵会</t>
    <phoneticPr fontId="3"/>
  </si>
  <si>
    <t>大阪市西成区梅南2-5-17</t>
    <phoneticPr fontId="3"/>
  </si>
  <si>
    <t>大阪市中央区南船場3-3-5</t>
    <phoneticPr fontId="3"/>
  </si>
  <si>
    <t>法人名</t>
    <rPh sb="0" eb="2">
      <t>ホウジン</t>
    </rPh>
    <rPh sb="2" eb="3">
      <t>メイ</t>
    </rPh>
    <phoneticPr fontId="3"/>
  </si>
  <si>
    <t>医療法人　淳心会</t>
    <rPh sb="0" eb="2">
      <t>イリョウ</t>
    </rPh>
    <rPh sb="2" eb="4">
      <t>ホウジン</t>
    </rPh>
    <rPh sb="5" eb="6">
      <t>ジュン</t>
    </rPh>
    <rPh sb="6" eb="7">
      <t>シン</t>
    </rPh>
    <rPh sb="7" eb="8">
      <t>カイ</t>
    </rPh>
    <phoneticPr fontId="3"/>
  </si>
  <si>
    <t>大阪市平野区喜連西3-17-17</t>
    <rPh sb="0" eb="3">
      <t>オオサカシ</t>
    </rPh>
    <rPh sb="3" eb="6">
      <t>ヒラノク</t>
    </rPh>
    <rPh sb="6" eb="7">
      <t>キ</t>
    </rPh>
    <rPh sb="7" eb="8">
      <t>レン</t>
    </rPh>
    <rPh sb="8" eb="9">
      <t>ニシ</t>
    </rPh>
    <phoneticPr fontId="3"/>
  </si>
  <si>
    <t xml:space="preserve">大阪市浪速区元町2-3-19-4 </t>
    <phoneticPr fontId="3"/>
  </si>
  <si>
    <t>大阪市淀川区十三本町2-1-26 十三NLCﾋﾞﾙ7階</t>
    <rPh sb="17" eb="19">
      <t>ジュウソウ</t>
    </rPh>
    <phoneticPr fontId="3"/>
  </si>
  <si>
    <t>医療法人　敬詢会</t>
    <phoneticPr fontId="3"/>
  </si>
  <si>
    <t>淀川区</t>
    <rPh sb="0" eb="2">
      <t>ヨドガワ</t>
    </rPh>
    <phoneticPr fontId="3"/>
  </si>
  <si>
    <t>医療法人　愛風会</t>
    <rPh sb="5" eb="6">
      <t>アイ</t>
    </rPh>
    <rPh sb="6" eb="7">
      <t>カゼ</t>
    </rPh>
    <rPh sb="7" eb="8">
      <t>カイ</t>
    </rPh>
    <phoneticPr fontId="3"/>
  </si>
  <si>
    <t>大阪市淀川区宮原5-8-10</t>
    <rPh sb="3" eb="5">
      <t>ヨドガワ</t>
    </rPh>
    <rPh sb="6" eb="8">
      <t>ミヤハラ</t>
    </rPh>
    <phoneticPr fontId="3"/>
  </si>
  <si>
    <t>大阪市東淀川区豊里5-21-15</t>
    <phoneticPr fontId="3"/>
  </si>
  <si>
    <t>都島区</t>
    <rPh sb="0" eb="2">
      <t>ミヤコジマ</t>
    </rPh>
    <rPh sb="2" eb="3">
      <t>ク</t>
    </rPh>
    <phoneticPr fontId="3"/>
  </si>
  <si>
    <t>大阪市中央区南船場2-5-9</t>
    <phoneticPr fontId="3"/>
  </si>
  <si>
    <t>大阪市中央区東心斎橋1-20-16</t>
    <phoneticPr fontId="3"/>
  </si>
  <si>
    <t>大阪市福島区大開3-1-2 野田ﾊﾟｰｸﾏﾝｼｮﾝ126号</t>
    <rPh sb="28" eb="29">
      <t>ゴウ</t>
    </rPh>
    <phoneticPr fontId="3"/>
  </si>
  <si>
    <t>大阪市福島区福島1-1-51　堂島ｸﾛｽｳｫｰｸ404A</t>
    <rPh sb="0" eb="3">
      <t>オオサカシ</t>
    </rPh>
    <rPh sb="3" eb="6">
      <t>フクシマク</t>
    </rPh>
    <rPh sb="6" eb="8">
      <t>フクシマ</t>
    </rPh>
    <rPh sb="15" eb="17">
      <t>ドウジマ</t>
    </rPh>
    <phoneticPr fontId="3"/>
  </si>
  <si>
    <t>大阪市平野区長吉出戸4-1-23</t>
    <phoneticPr fontId="3"/>
  </si>
  <si>
    <t>大阪市平野区瓜破1-3-12　ｻﾝﾌﾚｸﾞﾗﾝｽ1階</t>
    <rPh sb="0" eb="2">
      <t>オオサカ</t>
    </rPh>
    <rPh sb="2" eb="3">
      <t>シ</t>
    </rPh>
    <rPh sb="3" eb="6">
      <t>ヒラノク</t>
    </rPh>
    <rPh sb="6" eb="8">
      <t>ウリワリ</t>
    </rPh>
    <rPh sb="25" eb="26">
      <t>カイ</t>
    </rPh>
    <phoneticPr fontId="5"/>
  </si>
  <si>
    <t>大阪市淀川区西中島3‐9‐13　NLC新大阪8号館1階</t>
    <rPh sb="19" eb="22">
      <t>シンオオサカ</t>
    </rPh>
    <rPh sb="23" eb="25">
      <t>ゴウカン</t>
    </rPh>
    <rPh sb="26" eb="27">
      <t>カイ</t>
    </rPh>
    <phoneticPr fontId="3"/>
  </si>
  <si>
    <t>大阪市北区梅田1-11-100</t>
    <phoneticPr fontId="3"/>
  </si>
  <si>
    <t>大阪市北区梅田2-4-37 西梅田上島ﾋﾞﾙ5階</t>
    <rPh sb="23" eb="24">
      <t>カイ</t>
    </rPh>
    <phoneticPr fontId="3"/>
  </si>
  <si>
    <t>大阪市北区梅田3-3-20　明治安田生命大阪梅田ﾋﾞﾙ21階</t>
    <rPh sb="5" eb="7">
      <t>ウメダ</t>
    </rPh>
    <rPh sb="14" eb="16">
      <t>メイジ</t>
    </rPh>
    <rPh sb="16" eb="18">
      <t>ヤスダ</t>
    </rPh>
    <rPh sb="18" eb="20">
      <t>セイメイ</t>
    </rPh>
    <rPh sb="20" eb="22">
      <t>オオサカ</t>
    </rPh>
    <rPh sb="22" eb="24">
      <t>ウメダ</t>
    </rPh>
    <rPh sb="29" eb="30">
      <t>カイ</t>
    </rPh>
    <phoneticPr fontId="3"/>
  </si>
  <si>
    <t>大阪市北区曽根崎新地1-3-26 ぐらんぱれﾋﾞﾙ5階</t>
    <rPh sb="0" eb="3">
      <t>オオサカシ</t>
    </rPh>
    <rPh sb="3" eb="5">
      <t>キタク</t>
    </rPh>
    <rPh sb="5" eb="10">
      <t>ソネザキシンチ</t>
    </rPh>
    <rPh sb="26" eb="27">
      <t>カイ</t>
    </rPh>
    <phoneticPr fontId="3"/>
  </si>
  <si>
    <t>大阪市北区中之島3-3-23 中之島ﾀﾞｲﾋﾞﾙ508号</t>
    <rPh sb="27" eb="28">
      <t>ゴウ</t>
    </rPh>
    <phoneticPr fontId="3"/>
  </si>
  <si>
    <t>大阪市北区芝田2-9-19　ｲﾉｲ第二ﾋﾞﾙ5階</t>
    <rPh sb="3" eb="5">
      <t>キタク</t>
    </rPh>
    <rPh sb="5" eb="7">
      <t>シバタ</t>
    </rPh>
    <rPh sb="17" eb="18">
      <t>ダイ</t>
    </rPh>
    <rPh sb="18" eb="19">
      <t>２</t>
    </rPh>
    <rPh sb="23" eb="24">
      <t>カイ</t>
    </rPh>
    <phoneticPr fontId="3"/>
  </si>
  <si>
    <t>大阪市北区堂山町17-15 梅田若原ﾋﾞﾙ3階</t>
    <rPh sb="22" eb="23">
      <t>カイ</t>
    </rPh>
    <phoneticPr fontId="3"/>
  </si>
  <si>
    <t xml:space="preserve">大阪市北区天神橋6-3-16朝日生命天六ﾋﾞﾙ2階 </t>
    <rPh sb="3" eb="4">
      <t>キタ</t>
    </rPh>
    <rPh sb="5" eb="8">
      <t>テンジンバシ</t>
    </rPh>
    <rPh sb="14" eb="16">
      <t>アサヒ</t>
    </rPh>
    <rPh sb="16" eb="18">
      <t>セイメイ</t>
    </rPh>
    <rPh sb="18" eb="19">
      <t>テン</t>
    </rPh>
    <rPh sb="19" eb="20">
      <t>ロク</t>
    </rPh>
    <rPh sb="24" eb="25">
      <t>カイ</t>
    </rPh>
    <phoneticPr fontId="3"/>
  </si>
  <si>
    <t>大阪市北区天満2-10-17 天満KGﾋﾞﾙ1階</t>
    <rPh sb="0" eb="2">
      <t>オオサカ</t>
    </rPh>
    <rPh sb="2" eb="3">
      <t>シ</t>
    </rPh>
    <rPh sb="3" eb="5">
      <t>キタク</t>
    </rPh>
    <rPh sb="5" eb="7">
      <t>テンマ</t>
    </rPh>
    <rPh sb="15" eb="17">
      <t>テンマ</t>
    </rPh>
    <rPh sb="23" eb="24">
      <t>カイ</t>
    </rPh>
    <phoneticPr fontId="1"/>
  </si>
  <si>
    <t>大阪市北区豊崎3-15-9 第二ｼｮｰﾚｲﾋﾞﾙ1階</t>
    <rPh sb="25" eb="26">
      <t>カイ</t>
    </rPh>
    <phoneticPr fontId="3"/>
  </si>
  <si>
    <t>大阪市北区豊崎4-11-11 ﾕｰﾊｲﾂ1階</t>
    <phoneticPr fontId="3"/>
  </si>
  <si>
    <t>大阪市北区大淀中1-1-88 梅田ｽｶｲﾋﾞﾙﾀﾜｰｲｰｽﾄ7階</t>
    <rPh sb="31" eb="32">
      <t>カイ</t>
    </rPh>
    <phoneticPr fontId="3"/>
  </si>
  <si>
    <t>大阪市都島区高倉町2-1-4　MECﾋﾞﾙ3階</t>
    <rPh sb="22" eb="23">
      <t>カイ</t>
    </rPh>
    <phoneticPr fontId="3"/>
  </si>
  <si>
    <t>大阪市北区梅田1-1-3-1800 大阪駅前第3ﾋﾞﾙ18階10号</t>
    <rPh sb="0" eb="3">
      <t>オオサカシ</t>
    </rPh>
    <rPh sb="3" eb="5">
      <t>キタク</t>
    </rPh>
    <rPh sb="5" eb="7">
      <t>ウメダ</t>
    </rPh>
    <rPh sb="18" eb="20">
      <t>オオサカ</t>
    </rPh>
    <rPh sb="20" eb="22">
      <t>エキマエ</t>
    </rPh>
    <rPh sb="22" eb="23">
      <t>ダイ</t>
    </rPh>
    <rPh sb="29" eb="30">
      <t>カイ</t>
    </rPh>
    <rPh sb="32" eb="33">
      <t>ゴウ</t>
    </rPh>
    <phoneticPr fontId="3"/>
  </si>
  <si>
    <t>大阪市北区芝田1-1-26 松本ﾋﾞﾙ4階</t>
    <rPh sb="0" eb="3">
      <t>オオサカシ</t>
    </rPh>
    <rPh sb="3" eb="5">
      <t>キタク</t>
    </rPh>
    <rPh sb="5" eb="7">
      <t>シバタ</t>
    </rPh>
    <phoneticPr fontId="3"/>
  </si>
  <si>
    <t>大阪市北区池田町52-2 ｽﾄｰｸﾏﾝｼｮﾝ天満102,103号</t>
    <rPh sb="31" eb="32">
      <t>ゴウ</t>
    </rPh>
    <phoneticPr fontId="3"/>
  </si>
  <si>
    <t>大阪市北区南扇町7-2 ｾﾝﾁｭﾘｰﾊﾟｰｸﾕﾆ東梅田1212号</t>
    <phoneticPr fontId="3"/>
  </si>
  <si>
    <t>大阪市北区本庄東1-1-10 RISE88-102号</t>
    <rPh sb="25" eb="26">
      <t>ゴウ</t>
    </rPh>
    <phoneticPr fontId="3"/>
  </si>
  <si>
    <t>大阪市都島区東野田町2-2-10 都島住宅京橋ﾋﾞﾙ2階202号</t>
    <rPh sb="31" eb="32">
      <t>ゴウ</t>
    </rPh>
    <phoneticPr fontId="3"/>
  </si>
  <si>
    <t>大阪市福島区野田3-12-14 ｿﾌｨｱｺｰﾄ野田1階</t>
    <rPh sb="6" eb="8">
      <t>ノダ</t>
    </rPh>
    <rPh sb="23" eb="25">
      <t>ノダ</t>
    </rPh>
    <rPh sb="26" eb="27">
      <t>カイ</t>
    </rPh>
    <phoneticPr fontId="3"/>
  </si>
  <si>
    <t>大阪市福島区野田3-12-22 三和ﾋﾞﾙ2階</t>
    <rPh sb="0" eb="2">
      <t>オオサカ</t>
    </rPh>
    <rPh sb="2" eb="3">
      <t>シ</t>
    </rPh>
    <rPh sb="3" eb="6">
      <t>フクシマク</t>
    </rPh>
    <rPh sb="6" eb="8">
      <t>ノダ</t>
    </rPh>
    <rPh sb="16" eb="18">
      <t>サンワ</t>
    </rPh>
    <rPh sb="22" eb="23">
      <t>カイ</t>
    </rPh>
    <phoneticPr fontId="5"/>
  </si>
  <si>
    <t>大阪市福島区吉野3-12-25 三興ﾋﾞﾙ101号</t>
    <rPh sb="24" eb="25">
      <t>ゴウ</t>
    </rPh>
    <phoneticPr fontId="3"/>
  </si>
  <si>
    <t>大阪市中央区谷町4-14-15 淺沼谷町ﾏﾝｼｮﾝ1階</t>
    <rPh sb="3" eb="6">
      <t>チュウオウク</t>
    </rPh>
    <rPh sb="6" eb="7">
      <t>タニ</t>
    </rPh>
    <rPh sb="7" eb="8">
      <t>マチ</t>
    </rPh>
    <rPh sb="26" eb="27">
      <t>カイ</t>
    </rPh>
    <phoneticPr fontId="3"/>
  </si>
  <si>
    <t>大阪市中央区内久宝寺町3-1-13 ﾊｲｸﾞﾚｰﾄﾞ谷五1階</t>
    <rPh sb="3" eb="6">
      <t>チュウオウク</t>
    </rPh>
    <rPh sb="6" eb="7">
      <t>ナイ</t>
    </rPh>
    <rPh sb="7" eb="10">
      <t>キュウホウジ</t>
    </rPh>
    <rPh sb="10" eb="11">
      <t>チョウ</t>
    </rPh>
    <phoneticPr fontId="3"/>
  </si>
  <si>
    <t>大阪市中央区今橋1-7-2　山富ﾋﾞﾙ１階</t>
    <rPh sb="0" eb="2">
      <t>オオサカ</t>
    </rPh>
    <rPh sb="2" eb="3">
      <t>シ</t>
    </rPh>
    <rPh sb="3" eb="6">
      <t>チュウオウク</t>
    </rPh>
    <rPh sb="6" eb="8">
      <t>イマハシ</t>
    </rPh>
    <rPh sb="14" eb="15">
      <t>ヤマ</t>
    </rPh>
    <rPh sb="15" eb="16">
      <t>トミ</t>
    </rPh>
    <rPh sb="20" eb="21">
      <t>カイ</t>
    </rPh>
    <phoneticPr fontId="5"/>
  </si>
  <si>
    <t>大阪市中央区高麗橋1-7-3 The Kitahama PLAZA 3階</t>
    <rPh sb="0" eb="3">
      <t>オオサカシ</t>
    </rPh>
    <rPh sb="3" eb="6">
      <t>チュウオウク</t>
    </rPh>
    <rPh sb="6" eb="9">
      <t>コウライバシ</t>
    </rPh>
    <rPh sb="35" eb="36">
      <t>カイ</t>
    </rPh>
    <phoneticPr fontId="3"/>
  </si>
  <si>
    <t>大阪市中央区瓦町2-6-9 大織健保会館2階</t>
    <rPh sb="21" eb="22">
      <t>カイ</t>
    </rPh>
    <phoneticPr fontId="3"/>
  </si>
  <si>
    <t>大阪市中央区本町3-5-2 辰野本町ﾋﾞﾙ2階</t>
    <rPh sb="0" eb="3">
      <t>オオサカシ</t>
    </rPh>
    <rPh sb="3" eb="6">
      <t>チュウオウク</t>
    </rPh>
    <rPh sb="6" eb="8">
      <t>ホンマチ</t>
    </rPh>
    <phoneticPr fontId="3"/>
  </si>
  <si>
    <t>大阪市中央区本町3-6-4 本町ｶﾞｰﾃﾞﾝｼﾃｨ2階</t>
    <rPh sb="0" eb="3">
      <t>オオサカシ</t>
    </rPh>
    <rPh sb="3" eb="6">
      <t>チュウオウク</t>
    </rPh>
    <rPh sb="6" eb="8">
      <t>ホンマチ</t>
    </rPh>
    <phoneticPr fontId="3"/>
  </si>
  <si>
    <t>大阪市中央区南本町3-1-12 ｶﾈｾ中央ﾋﾞﾙ１階</t>
    <rPh sb="25" eb="26">
      <t>カイ</t>
    </rPh>
    <phoneticPr fontId="3"/>
  </si>
  <si>
    <t>大阪市中央区北久宝寺町3-1-6 船場ミッドｷｭｰﾌﾞ１階</t>
    <rPh sb="3" eb="6">
      <t>チュウオウク</t>
    </rPh>
    <rPh sb="6" eb="10">
      <t>キタキュウホウジ</t>
    </rPh>
    <rPh sb="10" eb="11">
      <t>マチ</t>
    </rPh>
    <phoneticPr fontId="3"/>
  </si>
  <si>
    <t>大阪市中央区日本橋2-5-4 出口日本橋ﾋﾞﾙ2階</t>
    <phoneticPr fontId="3"/>
  </si>
  <si>
    <t>大阪市中央区南船場2‐4‐1 美貴ﾋﾞﾙ2階</t>
    <rPh sb="15" eb="17">
      <t>ミキ</t>
    </rPh>
    <rPh sb="21" eb="22">
      <t>カイ</t>
    </rPh>
    <phoneticPr fontId="3"/>
  </si>
  <si>
    <t>大阪市中央区南船場3-4-22 東道ﾋﾞﾙ9階902号</t>
    <rPh sb="26" eb="27">
      <t>ゴウ</t>
    </rPh>
    <phoneticPr fontId="3"/>
  </si>
  <si>
    <t>大阪市中央区南船場3-5-11 りそな心斎橋ﾋﾞﾙ8階</t>
    <phoneticPr fontId="3"/>
  </si>
  <si>
    <t>大阪市中央区東心斎橋1-7-8 心斎橋井上ﾋﾞﾙ201号</t>
    <rPh sb="0" eb="3">
      <t>オオサカシ</t>
    </rPh>
    <rPh sb="3" eb="6">
      <t>チュウオウク</t>
    </rPh>
    <rPh sb="6" eb="7">
      <t>ヒガシ</t>
    </rPh>
    <rPh sb="7" eb="10">
      <t>シンサイバシ</t>
    </rPh>
    <rPh sb="27" eb="28">
      <t>ゴウ</t>
    </rPh>
    <phoneticPr fontId="3"/>
  </si>
  <si>
    <t>大阪市中央区西心斎橋1-12-11 ｱｰﾊﾞﾝｽﾀｲﾙ心斎橋2階</t>
    <rPh sb="0" eb="2">
      <t>オオサカ</t>
    </rPh>
    <rPh sb="2" eb="3">
      <t>シ</t>
    </rPh>
    <rPh sb="3" eb="6">
      <t>チュウオウク</t>
    </rPh>
    <rPh sb="6" eb="10">
      <t>ニシシンサイバシ</t>
    </rPh>
    <rPh sb="27" eb="30">
      <t>シンサイバシ</t>
    </rPh>
    <rPh sb="31" eb="32">
      <t>カイ</t>
    </rPh>
    <phoneticPr fontId="5"/>
  </si>
  <si>
    <t>大阪市西区西本町1-7-19 ﾜｲﾀﾞ本町ﾋﾞﾙ１階</t>
    <rPh sb="3" eb="5">
      <t>ニシク</t>
    </rPh>
    <rPh sb="5" eb="8">
      <t>ニシホンマチ</t>
    </rPh>
    <phoneticPr fontId="3"/>
  </si>
  <si>
    <t>大阪市西区西本町3-1-1 岡崎橋ｾﾝﾄﾗﾙﾋﾞﾙ2階</t>
    <rPh sb="0" eb="2">
      <t>オオサカ</t>
    </rPh>
    <rPh sb="2" eb="3">
      <t>シ</t>
    </rPh>
    <rPh sb="3" eb="5">
      <t>ニシク</t>
    </rPh>
    <rPh sb="5" eb="6">
      <t>ニシ</t>
    </rPh>
    <rPh sb="6" eb="8">
      <t>ホンマチ</t>
    </rPh>
    <rPh sb="14" eb="16">
      <t>オカザキ</t>
    </rPh>
    <rPh sb="16" eb="17">
      <t>ハシ</t>
    </rPh>
    <rPh sb="26" eb="27">
      <t>カイ</t>
    </rPh>
    <phoneticPr fontId="1"/>
  </si>
  <si>
    <t>大阪市西区阿波座1-6-13　ｶｰﾆｰﾌﾟﾚｲｽ本町3階</t>
    <rPh sb="0" eb="3">
      <t>オオサカシ</t>
    </rPh>
    <rPh sb="3" eb="5">
      <t>ニシク</t>
    </rPh>
    <rPh sb="5" eb="8">
      <t>アワザ</t>
    </rPh>
    <rPh sb="24" eb="26">
      <t>ホンマチ</t>
    </rPh>
    <rPh sb="27" eb="28">
      <t>カイ</t>
    </rPh>
    <phoneticPr fontId="3"/>
  </si>
  <si>
    <t>大阪市西区立売堀1-7-18 国際通信社ﾋﾞﾙ1階</t>
    <phoneticPr fontId="3"/>
  </si>
  <si>
    <t>大阪市西区北堀江1-2-19 ｱｽﾃﾘｵ北堀江ｻﾞ･ﾒﾄﾛﾀﾜｰ5階</t>
    <rPh sb="20" eb="21">
      <t>キタ</t>
    </rPh>
    <rPh sb="21" eb="23">
      <t>ホリエ</t>
    </rPh>
    <rPh sb="33" eb="34">
      <t>カイ</t>
    </rPh>
    <phoneticPr fontId="3"/>
  </si>
  <si>
    <t>大阪市西区北堀江4-1-4 東和ﾊｲﾂ1階</t>
    <rPh sb="0" eb="3">
      <t>オオサカシ</t>
    </rPh>
    <rPh sb="3" eb="5">
      <t>ニシク</t>
    </rPh>
    <rPh sb="5" eb="6">
      <t>キタ</t>
    </rPh>
    <rPh sb="6" eb="8">
      <t>ホリエ</t>
    </rPh>
    <phoneticPr fontId="3"/>
  </si>
  <si>
    <t>大阪市西区南堀江1-26-24 ﾃｸﾉｰﾌﾞﾙ南堀江ﾋﾞﾙ1階</t>
    <rPh sb="3" eb="5">
      <t>ニシク</t>
    </rPh>
    <rPh sb="5" eb="8">
      <t>ミナミホリエ</t>
    </rPh>
    <phoneticPr fontId="3"/>
  </si>
  <si>
    <t>大阪市西区九条南2-2-21 NTT西ﾋﾞﾙ1階</t>
    <rPh sb="23" eb="24">
      <t>カイ</t>
    </rPh>
    <phoneticPr fontId="3"/>
  </si>
  <si>
    <t>大阪市港区港晴4-1-10 辻産業第6ﾋﾞﾙ1階</t>
    <rPh sb="0" eb="2">
      <t>オオサカ</t>
    </rPh>
    <rPh sb="2" eb="3">
      <t>シ</t>
    </rPh>
    <rPh sb="3" eb="5">
      <t>ミナトク</t>
    </rPh>
    <rPh sb="5" eb="6">
      <t>ミナト</t>
    </rPh>
    <rPh sb="6" eb="7">
      <t>ハ</t>
    </rPh>
    <rPh sb="14" eb="15">
      <t>ツジ</t>
    </rPh>
    <rPh sb="15" eb="17">
      <t>サンギョウ</t>
    </rPh>
    <rPh sb="17" eb="18">
      <t>ダイ</t>
    </rPh>
    <rPh sb="23" eb="24">
      <t>カイ</t>
    </rPh>
    <phoneticPr fontId="5"/>
  </si>
  <si>
    <t>大阪市天王寺区上本町6-3-31 上本町ﾊｲﾊｲﾀｳﾝ401号</t>
    <rPh sb="30" eb="31">
      <t>ゴウ</t>
    </rPh>
    <phoneticPr fontId="3"/>
  </si>
  <si>
    <t>大阪市天王寺区味原町13-11-2 味原ﾄｰﾀﾙﾗｲﾌﾋﾞﾙ4階</t>
    <rPh sb="31" eb="32">
      <t>カイ</t>
    </rPh>
    <phoneticPr fontId="3"/>
  </si>
  <si>
    <t>大阪市天王寺区大道3-1-23 EMA201号</t>
    <rPh sb="22" eb="23">
      <t>ゴウ</t>
    </rPh>
    <phoneticPr fontId="3"/>
  </si>
  <si>
    <t>大阪市天王寺区大道4-10-15 NKM-1ﾋﾞﾙ2階</t>
    <phoneticPr fontId="3"/>
  </si>
  <si>
    <t>大阪市浪速区敷津西2-1-8 ｲﾝﾍﾟﾘｱﾙ大国2階</t>
    <rPh sb="22" eb="24">
      <t>ダイコク</t>
    </rPh>
    <rPh sb="25" eb="26">
      <t>カイ</t>
    </rPh>
    <phoneticPr fontId="3"/>
  </si>
  <si>
    <t>大阪市浪速区湊町2-1-34 ｱｰﾍﾞｲﾝなんば1階</t>
    <rPh sb="0" eb="3">
      <t>オオサカシ</t>
    </rPh>
    <rPh sb="3" eb="6">
      <t>ナニワク</t>
    </rPh>
    <rPh sb="6" eb="7">
      <t>ミナト</t>
    </rPh>
    <rPh sb="7" eb="8">
      <t>マチ</t>
    </rPh>
    <phoneticPr fontId="3"/>
  </si>
  <si>
    <t>大阪市浪速区幸町1-3-19 昭和綜合管理本社ﾋﾞﾙ2階</t>
    <rPh sb="15" eb="17">
      <t>ショウワ</t>
    </rPh>
    <rPh sb="17" eb="19">
      <t>ソウゴウ</t>
    </rPh>
    <rPh sb="19" eb="21">
      <t>カンリ</t>
    </rPh>
    <rPh sb="21" eb="23">
      <t>ホンシャ</t>
    </rPh>
    <rPh sb="27" eb="28">
      <t>カイ</t>
    </rPh>
    <phoneticPr fontId="3"/>
  </si>
  <si>
    <t>大阪市淀川区東三国3-10-3 ﾌﾟﾗｲﾑﾊｲﾂ新大阪201号</t>
    <rPh sb="0" eb="2">
      <t>オオサカ</t>
    </rPh>
    <rPh sb="2" eb="3">
      <t>シ</t>
    </rPh>
    <rPh sb="3" eb="6">
      <t>ヨドガワク</t>
    </rPh>
    <rPh sb="6" eb="7">
      <t>ヒガシ</t>
    </rPh>
    <rPh sb="7" eb="9">
      <t>ミクニ</t>
    </rPh>
    <rPh sb="24" eb="27">
      <t>シンオオサカ</t>
    </rPh>
    <rPh sb="30" eb="31">
      <t>ゴウ</t>
    </rPh>
    <phoneticPr fontId="5"/>
  </si>
  <si>
    <t>大阪市淀川区東三国3-10-3 ﾌﾟﾗｲﾑﾊｲﾂ新大阪205 号</t>
    <rPh sb="31" eb="32">
      <t>ゴウ</t>
    </rPh>
    <phoneticPr fontId="3"/>
  </si>
  <si>
    <t>大阪市淀川区宮原5-1-28 新大阪八千代ﾋﾞﾙ別館1階</t>
    <rPh sb="18" eb="21">
      <t>ヤチヨ</t>
    </rPh>
    <rPh sb="24" eb="26">
      <t>ベッカン</t>
    </rPh>
    <rPh sb="27" eb="28">
      <t>カイ</t>
    </rPh>
    <phoneticPr fontId="3"/>
  </si>
  <si>
    <t>大阪市淀川区塚本2-24-8 ﾀﾊﾞﾀﾋﾞﾙ5階</t>
    <rPh sb="23" eb="24">
      <t>カイ</t>
    </rPh>
    <phoneticPr fontId="3"/>
  </si>
  <si>
    <t>大阪市淀川区加島3-中2-16 淀川ｸｵﾘﾃｨｰKSﾋﾞﾙ2階</t>
    <rPh sb="0" eb="3">
      <t>オオサカシ</t>
    </rPh>
    <rPh sb="3" eb="6">
      <t>ヨドガワク</t>
    </rPh>
    <rPh sb="6" eb="8">
      <t>カシマ</t>
    </rPh>
    <rPh sb="10" eb="11">
      <t>ナカ</t>
    </rPh>
    <rPh sb="30" eb="31">
      <t>カイ</t>
    </rPh>
    <phoneticPr fontId="3"/>
  </si>
  <si>
    <t>大阪市淀川区塚本2-24-20 TOｺｰﾄ塚本１階</t>
    <rPh sb="24" eb="25">
      <t>カイ</t>
    </rPh>
    <phoneticPr fontId="3"/>
  </si>
  <si>
    <t>大阪市東淀川区小松1-3-15 ｱﾍﾞﾆｭｰ小松ﾋﾞﾙ1階</t>
    <rPh sb="28" eb="29">
      <t>カイ</t>
    </rPh>
    <phoneticPr fontId="3"/>
  </si>
  <si>
    <t>大阪市東淀川区瑞光1-11-3 ｴﾑｽﾃｰｼｮﾝﾋﾞﾙ1階</t>
    <rPh sb="28" eb="29">
      <t>カイ</t>
    </rPh>
    <phoneticPr fontId="3"/>
  </si>
  <si>
    <t>大阪市東淀川区上新庄2-15-18 旭丘ﾋﾞﾙ4階</t>
    <rPh sb="24" eb="25">
      <t>カイ</t>
    </rPh>
    <phoneticPr fontId="3"/>
  </si>
  <si>
    <t>大阪市東淀川区豊里6-1-9 ｳﾞｨﾗ藤2(1階)</t>
    <phoneticPr fontId="3"/>
  </si>
  <si>
    <t>大阪市東淀川区菅原6-1-19 ｻﾝﾗｲｽﾞ壱番館1階</t>
    <rPh sb="7" eb="9">
      <t>スガハラ</t>
    </rPh>
    <rPh sb="22" eb="25">
      <t>イチバンカン</t>
    </rPh>
    <rPh sb="26" eb="27">
      <t>カイ</t>
    </rPh>
    <phoneticPr fontId="3"/>
  </si>
  <si>
    <t>大阪市東成区大今里南1-1-23 ﾉｱｰｽﾞｱｰｸ今里駅前103号</t>
    <rPh sb="0" eb="3">
      <t>オオサカシ</t>
    </rPh>
    <rPh sb="3" eb="6">
      <t>ヒガシナリク</t>
    </rPh>
    <rPh sb="6" eb="9">
      <t>オオイマザト</t>
    </rPh>
    <rPh sb="9" eb="10">
      <t>ミナミ</t>
    </rPh>
    <rPh sb="25" eb="27">
      <t>イマザト</t>
    </rPh>
    <rPh sb="27" eb="29">
      <t>エキマエ</t>
    </rPh>
    <phoneticPr fontId="3"/>
  </si>
  <si>
    <t>大阪市東成区大今里西1-26-5 ﾛﾊｽﾌﾟﾗｻﾞ今里205号</t>
    <rPh sb="3" eb="6">
      <t>ヒガシナリク</t>
    </rPh>
    <rPh sb="6" eb="7">
      <t>ダイ</t>
    </rPh>
    <rPh sb="7" eb="9">
      <t>イマサト</t>
    </rPh>
    <rPh sb="9" eb="10">
      <t>ニシ</t>
    </rPh>
    <rPh sb="25" eb="27">
      <t>イマザト</t>
    </rPh>
    <rPh sb="30" eb="31">
      <t>ゴウ</t>
    </rPh>
    <phoneticPr fontId="3"/>
  </si>
  <si>
    <t>大阪市生野区小路東1-21-13 ｶｰｻﾉﾍﾞﾝﾀ1階</t>
    <rPh sb="26" eb="27">
      <t>カイ</t>
    </rPh>
    <phoneticPr fontId="3"/>
  </si>
  <si>
    <t>大阪市生野区中川3-5-2 ｼﾞｮｲﾌﾙﾏﾝｼｮﾝ1階</t>
    <rPh sb="26" eb="27">
      <t>カイ</t>
    </rPh>
    <phoneticPr fontId="3"/>
  </si>
  <si>
    <t>大阪市生野区巽中1-21-18 1階</t>
    <rPh sb="17" eb="18">
      <t>カイ</t>
    </rPh>
    <phoneticPr fontId="3"/>
  </si>
  <si>
    <t>大阪市生野区生野西2-3-8 電気館ﾋﾞﾙ1階</t>
    <rPh sb="22" eb="23">
      <t>カイ</t>
    </rPh>
    <phoneticPr fontId="3"/>
  </si>
  <si>
    <t>大阪市旭区太子橋1-1-1 ﾛﾝﾎﾟﾄｰ105号</t>
    <rPh sb="23" eb="24">
      <t>ゴウ</t>
    </rPh>
    <phoneticPr fontId="3"/>
  </si>
  <si>
    <t>大阪市城東区今福西2-6-6 ｸﾞﾗﾝﾋﾟｱ今福1階</t>
    <rPh sb="3" eb="6">
      <t>ジョウトウク</t>
    </rPh>
    <rPh sb="6" eb="9">
      <t>イマフクニシ</t>
    </rPh>
    <phoneticPr fontId="3"/>
  </si>
  <si>
    <t>大阪市城東区中央1-2-23 京橋ﾊｲﾂﾋﾞﾙﾃﾞｨﾝｸﾞ112号</t>
    <phoneticPr fontId="3"/>
  </si>
  <si>
    <t>大阪市城東区中央1-9-33 泉秀園城東ﾋﾞﾙ</t>
    <rPh sb="15" eb="16">
      <t>イズミ</t>
    </rPh>
    <rPh sb="16" eb="17">
      <t>ヒデ</t>
    </rPh>
    <rPh sb="17" eb="18">
      <t>エン</t>
    </rPh>
    <rPh sb="18" eb="20">
      <t>ジョウトウ</t>
    </rPh>
    <phoneticPr fontId="3"/>
  </si>
  <si>
    <t>大阪市城東区成育5-23-10 関目ﾀｳﾝﾋﾞﾙ2階</t>
    <rPh sb="25" eb="26">
      <t>カイ</t>
    </rPh>
    <phoneticPr fontId="3"/>
  </si>
  <si>
    <t>大阪市城東区関目1-19-23 ﾃﾞｨｳﾞｪｰﾙﾒｿﾞﾝ1階</t>
    <rPh sb="0" eb="3">
      <t>オオサカシ</t>
    </rPh>
    <rPh sb="3" eb="6">
      <t>ジョウトウク</t>
    </rPh>
    <rPh sb="6" eb="7">
      <t>セキ</t>
    </rPh>
    <rPh sb="7" eb="8">
      <t>メ</t>
    </rPh>
    <rPh sb="29" eb="30">
      <t>カイ</t>
    </rPh>
    <phoneticPr fontId="3"/>
  </si>
  <si>
    <t xml:space="preserve">大阪市城東区鴫野東1-13-12 鴨野かぼくﾋﾞﾙ2階 </t>
    <phoneticPr fontId="3"/>
  </si>
  <si>
    <t>大阪市城東区蒲生3-15-4 ﾄﾞｴﾙ小泉201号</t>
    <rPh sb="24" eb="25">
      <t>ゴウ</t>
    </rPh>
    <phoneticPr fontId="3"/>
  </si>
  <si>
    <t>大阪市鶴見区浜2-5-5 ﾊﾟｰｸﾘｯｼﾞ現代1階</t>
    <rPh sb="3" eb="6">
      <t>ツルミク</t>
    </rPh>
    <rPh sb="6" eb="7">
      <t>ハマ</t>
    </rPh>
    <phoneticPr fontId="3"/>
  </si>
  <si>
    <t>大阪市鶴見区今津中5-7-4 ﾃﾞｲﾌﾞﾚｲｸ210（1階）</t>
    <rPh sb="28" eb="29">
      <t>カイ</t>
    </rPh>
    <phoneticPr fontId="3"/>
  </si>
  <si>
    <t>大阪市鶴見区横堤3-11-14　ﾚｼﾞｮﾝﾄﾞｰﾙ鶴見緑地１階</t>
    <rPh sb="0" eb="2">
      <t>オオサカ</t>
    </rPh>
    <rPh sb="2" eb="3">
      <t>シ</t>
    </rPh>
    <rPh sb="3" eb="6">
      <t>ツルミク</t>
    </rPh>
    <rPh sb="6" eb="8">
      <t>ヨコヅツミ</t>
    </rPh>
    <rPh sb="25" eb="27">
      <t>ツルミ</t>
    </rPh>
    <rPh sb="27" eb="29">
      <t>リョクチ</t>
    </rPh>
    <rPh sb="30" eb="31">
      <t>カイ</t>
    </rPh>
    <phoneticPr fontId="5"/>
  </si>
  <si>
    <t>大阪市鶴見区鶴見3-4-17 ﾒﾃﾞｨｼｵﾝ鶴見１階</t>
    <rPh sb="3" eb="5">
      <t>ツルミ</t>
    </rPh>
    <rPh sb="6" eb="8">
      <t>ツルミ</t>
    </rPh>
    <rPh sb="22" eb="24">
      <t>ツルミ</t>
    </rPh>
    <rPh sb="25" eb="26">
      <t>カイ</t>
    </rPh>
    <phoneticPr fontId="3"/>
  </si>
  <si>
    <t>大阪市阿倍野区阿倍野筋1-5-36 ｱﾍﾞﾉｾﾝﾀｰﾋﾞﾙ1階</t>
    <phoneticPr fontId="3"/>
  </si>
  <si>
    <t>大阪市阿倍野区阿倍野筋3-12-2 ｱﾍﾞﾉｸｵﾚ110号</t>
    <rPh sb="28" eb="29">
      <t>ゴウ</t>
    </rPh>
    <phoneticPr fontId="3"/>
  </si>
  <si>
    <t>大阪市阿倍野区松崎町1-2-8 天王寺都ﾎﾃﾙ地下1階</t>
    <rPh sb="0" eb="3">
      <t>オオサカシ</t>
    </rPh>
    <rPh sb="3" eb="7">
      <t>アベノク</t>
    </rPh>
    <rPh sb="7" eb="9">
      <t>マツザキ</t>
    </rPh>
    <rPh sb="9" eb="10">
      <t>チョウ</t>
    </rPh>
    <phoneticPr fontId="3"/>
  </si>
  <si>
    <t>大阪市阿倍野区松崎町2-3-5 藤和ｼﾃｨｽｸｴｱあべの橋1階</t>
    <phoneticPr fontId="3"/>
  </si>
  <si>
    <t>大阪市阿倍野区松崎町2-3-59 2階</t>
    <rPh sb="0" eb="2">
      <t>オオサカ</t>
    </rPh>
    <rPh sb="2" eb="3">
      <t>シ</t>
    </rPh>
    <rPh sb="3" eb="7">
      <t>アベノク</t>
    </rPh>
    <rPh sb="7" eb="9">
      <t>マツザキ</t>
    </rPh>
    <rPh sb="9" eb="10">
      <t>マチ</t>
    </rPh>
    <rPh sb="18" eb="19">
      <t>カイ</t>
    </rPh>
    <phoneticPr fontId="5"/>
  </si>
  <si>
    <t>大阪市住之江区東加賀屋1-10-21 塩田ﾏﾝｼｮﾝ</t>
    <phoneticPr fontId="3"/>
  </si>
  <si>
    <t>大阪市住之江区東加賀屋3-12-18 ﾗｳﾞｨﾘﾝｽ202号</t>
    <rPh sb="29" eb="30">
      <t>ゴウ</t>
    </rPh>
    <phoneticPr fontId="3"/>
  </si>
  <si>
    <t xml:space="preserve">大阪市住之江区御崎1-3-13 ｷﾞｬﾚ住之江1階 </t>
    <phoneticPr fontId="3"/>
  </si>
  <si>
    <t>大阪市住之江区新北島7-1-48 ﾏﾝｼｮﾝﾊﾋﾟﾈｽ南館1階</t>
    <rPh sb="3" eb="6">
      <t>スミノエ</t>
    </rPh>
    <rPh sb="7" eb="8">
      <t>シン</t>
    </rPh>
    <rPh sb="8" eb="10">
      <t>キタジマ</t>
    </rPh>
    <rPh sb="27" eb="28">
      <t>ミナミ</t>
    </rPh>
    <rPh sb="28" eb="29">
      <t>カン</t>
    </rPh>
    <rPh sb="30" eb="31">
      <t>カイ</t>
    </rPh>
    <phoneticPr fontId="3"/>
  </si>
  <si>
    <t>大阪市住之江区南港中3-5  しらなみ団地37棟101号</t>
    <rPh sb="0" eb="3">
      <t>オオサカシ</t>
    </rPh>
    <rPh sb="3" eb="7">
      <t>スミノエク</t>
    </rPh>
    <rPh sb="7" eb="9">
      <t>ナンコウ</t>
    </rPh>
    <rPh sb="9" eb="10">
      <t>ナカ</t>
    </rPh>
    <phoneticPr fontId="3"/>
  </si>
  <si>
    <t xml:space="preserve">大阪市住吉区我孫子東1-1-29 ﾄﾞﾑｰﾙ長居南館1階                                                                                  </t>
    <rPh sb="0" eb="3">
      <t>オオサカシ</t>
    </rPh>
    <rPh sb="3" eb="6">
      <t>スミヨシク</t>
    </rPh>
    <rPh sb="6" eb="9">
      <t>アビコ</t>
    </rPh>
    <rPh sb="9" eb="10">
      <t>ヒガシ</t>
    </rPh>
    <phoneticPr fontId="3"/>
  </si>
  <si>
    <t>大阪市住吉区我孫子西2-2-20 ｴｽﾀｰﾌﾞﾚ1階</t>
    <rPh sb="0" eb="2">
      <t>オオサカ</t>
    </rPh>
    <rPh sb="2" eb="3">
      <t>シ</t>
    </rPh>
    <rPh sb="3" eb="6">
      <t>スミヨシク</t>
    </rPh>
    <rPh sb="6" eb="9">
      <t>アビコ</t>
    </rPh>
    <rPh sb="9" eb="10">
      <t>ニシ</t>
    </rPh>
    <rPh sb="25" eb="26">
      <t>カイ</t>
    </rPh>
    <phoneticPr fontId="5"/>
  </si>
  <si>
    <t>大阪市東住吉区湯里4-7-30 ｶｰｻﾌｧﾐｰﾕ2階</t>
    <rPh sb="25" eb="26">
      <t>カイ</t>
    </rPh>
    <phoneticPr fontId="3"/>
  </si>
  <si>
    <t>大阪市東住吉区西今川3-1-21 ｽｰﾊﾟｰｻﾝｴｰ3階</t>
    <rPh sb="0" eb="3">
      <t>オオサカシ</t>
    </rPh>
    <rPh sb="3" eb="7">
      <t>ヒガシスミヨシク</t>
    </rPh>
    <rPh sb="7" eb="8">
      <t>ニシ</t>
    </rPh>
    <rPh sb="8" eb="10">
      <t>イマガワ</t>
    </rPh>
    <rPh sb="27" eb="28">
      <t>カイ</t>
    </rPh>
    <phoneticPr fontId="3"/>
  </si>
  <si>
    <t>大阪市平野区瓜破2-1-71 阪谷門弐番館101号</t>
    <rPh sb="19" eb="20">
      <t>バン</t>
    </rPh>
    <rPh sb="24" eb="25">
      <t>ゴウ</t>
    </rPh>
    <phoneticPr fontId="3"/>
  </si>
  <si>
    <t>大阪市平野区平野南3-4-5 ﾋﾟﾉｼｬﾄﾚ102号</t>
    <rPh sb="6" eb="8">
      <t>ヒラノ</t>
    </rPh>
    <rPh sb="8" eb="9">
      <t>ミナミ</t>
    </rPh>
    <rPh sb="25" eb="26">
      <t>ゴウ</t>
    </rPh>
    <phoneticPr fontId="3"/>
  </si>
  <si>
    <t>大阪市平野区平野西5-1-16 ﾛｲﾔﾙﾊｲﾂ平野１階103号</t>
    <rPh sb="0" eb="2">
      <t>オオサカ</t>
    </rPh>
    <rPh sb="2" eb="3">
      <t>シ</t>
    </rPh>
    <rPh sb="3" eb="6">
      <t>ヒラノク</t>
    </rPh>
    <rPh sb="6" eb="8">
      <t>ヒラノ</t>
    </rPh>
    <rPh sb="8" eb="9">
      <t>ニシ</t>
    </rPh>
    <rPh sb="23" eb="25">
      <t>ヒラノ</t>
    </rPh>
    <rPh sb="26" eb="27">
      <t>カイ</t>
    </rPh>
    <rPh sb="30" eb="31">
      <t>ゴウ</t>
    </rPh>
    <phoneticPr fontId="1"/>
  </si>
  <si>
    <t>大阪市平野区背戸口5-6-26 小谷ﾏﾝｼｮﾝ1階</t>
    <rPh sb="24" eb="25">
      <t>カイ</t>
    </rPh>
    <phoneticPr fontId="3"/>
  </si>
  <si>
    <t>大阪市平野区平野本町2-9-20 ｴﾙｴﾑﾋﾙｽﾞ平野1階</t>
    <rPh sb="6" eb="8">
      <t>ヒラノ</t>
    </rPh>
    <rPh sb="8" eb="10">
      <t>ホンマチ</t>
    </rPh>
    <rPh sb="25" eb="27">
      <t>ヒラノ</t>
    </rPh>
    <rPh sb="28" eb="29">
      <t>カイ</t>
    </rPh>
    <phoneticPr fontId="3"/>
  </si>
  <si>
    <t>大阪市西成区旭1-4-3 さんさん花園1階・2階</t>
    <rPh sb="3" eb="6">
      <t>ニシナリク</t>
    </rPh>
    <rPh sb="6" eb="7">
      <t>アサヒ</t>
    </rPh>
    <phoneticPr fontId="3"/>
  </si>
  <si>
    <t>大阪市西成区岸里2-3-4 祐登ﾋﾞﾙ1階</t>
    <rPh sb="20" eb="21">
      <t>カイ</t>
    </rPh>
    <phoneticPr fontId="3"/>
  </si>
  <si>
    <t>大阪市西成区岸里東2-3-22 ﾒﾃﾞｨｶﾙ天神の森ｺｯﾄﾝﾋﾞﾙ5階</t>
    <phoneticPr fontId="3"/>
  </si>
  <si>
    <t>大阪市西成区岸里東2-3-22ﾒﾃﾞｨｶﾙ天神の森ｺｯﾄﾝﾋﾞﾙ3階</t>
    <rPh sb="21" eb="23">
      <t>カミノ</t>
    </rPh>
    <rPh sb="24" eb="30">
      <t>コットンビル</t>
    </rPh>
    <phoneticPr fontId="3"/>
  </si>
  <si>
    <t>医療法人　つづく</t>
    <phoneticPr fontId="3"/>
  </si>
  <si>
    <t>大阪市都島区友渕町1-5-4 ﾍﾞﾙﾊﾟｰｸｼﾃｨF棟1階6号</t>
    <rPh sb="26" eb="27">
      <t>トウ</t>
    </rPh>
    <rPh sb="28" eb="29">
      <t>カイ</t>
    </rPh>
    <rPh sb="30" eb="31">
      <t>ゴウ</t>
    </rPh>
    <phoneticPr fontId="3"/>
  </si>
  <si>
    <t>大阪市城東区関目1-18-13</t>
    <phoneticPr fontId="3"/>
  </si>
  <si>
    <t>大阪市西区九条南1-12-21</t>
    <rPh sb="5" eb="7">
      <t>クジョウ</t>
    </rPh>
    <rPh sb="7" eb="8">
      <t>ミナミ</t>
    </rPh>
    <phoneticPr fontId="3"/>
  </si>
  <si>
    <t>医療法人　典宝会</t>
    <rPh sb="0" eb="2">
      <t>イリョウ</t>
    </rPh>
    <rPh sb="2" eb="4">
      <t>ホウジン</t>
    </rPh>
    <rPh sb="5" eb="6">
      <t>テン</t>
    </rPh>
    <rPh sb="6" eb="7">
      <t>タカラ</t>
    </rPh>
    <rPh sb="7" eb="8">
      <t>カイ</t>
    </rPh>
    <phoneticPr fontId="3"/>
  </si>
  <si>
    <t>医療法人　本町皮フ科クリニック</t>
    <rPh sb="0" eb="2">
      <t>イリョウ</t>
    </rPh>
    <rPh sb="2" eb="4">
      <t>ホウジン</t>
    </rPh>
    <rPh sb="5" eb="7">
      <t>ホンマチ</t>
    </rPh>
    <rPh sb="7" eb="8">
      <t>カワ</t>
    </rPh>
    <rPh sb="9" eb="10">
      <t>カ</t>
    </rPh>
    <phoneticPr fontId="3"/>
  </si>
  <si>
    <t>大阪市中央区淡路町3-2-13ZELKOVA QUATTRO2階</t>
    <rPh sb="0" eb="3">
      <t>オオサカシ</t>
    </rPh>
    <rPh sb="3" eb="6">
      <t>チュウオウク</t>
    </rPh>
    <rPh sb="6" eb="8">
      <t>アワジ</t>
    </rPh>
    <rPh sb="8" eb="9">
      <t>チョウ</t>
    </rPh>
    <rPh sb="31" eb="32">
      <t>カイ</t>
    </rPh>
    <phoneticPr fontId="3"/>
  </si>
  <si>
    <t>医療法人　良花会</t>
    <rPh sb="0" eb="2">
      <t>イリョウ</t>
    </rPh>
    <rPh sb="2" eb="4">
      <t>ホウジン</t>
    </rPh>
    <rPh sb="5" eb="6">
      <t>ヨ</t>
    </rPh>
    <rPh sb="6" eb="7">
      <t>ハナ</t>
    </rPh>
    <rPh sb="7" eb="8">
      <t>カイ</t>
    </rPh>
    <phoneticPr fontId="3"/>
  </si>
  <si>
    <t>医療法人　芳人会</t>
    <rPh sb="0" eb="2">
      <t>イリョウ</t>
    </rPh>
    <rPh sb="2" eb="4">
      <t>ホウジン</t>
    </rPh>
    <rPh sb="5" eb="6">
      <t>ヨシ</t>
    </rPh>
    <rPh sb="6" eb="7">
      <t>ヒト</t>
    </rPh>
    <rPh sb="7" eb="8">
      <t>カイ</t>
    </rPh>
    <phoneticPr fontId="3"/>
  </si>
  <si>
    <t>大阪市西成区玉出東2-3-32</t>
    <rPh sb="0" eb="3">
      <t>オオサカシ</t>
    </rPh>
    <rPh sb="3" eb="6">
      <t>ニシナリク</t>
    </rPh>
    <rPh sb="6" eb="8">
      <t>タマデ</t>
    </rPh>
    <rPh sb="8" eb="9">
      <t>ヒガシ</t>
    </rPh>
    <phoneticPr fontId="3"/>
  </si>
  <si>
    <t>天王寺区</t>
    <rPh sb="0" eb="3">
      <t>テンノウジ</t>
    </rPh>
    <rPh sb="3" eb="4">
      <t>ク</t>
    </rPh>
    <phoneticPr fontId="3"/>
  </si>
  <si>
    <t>医療法人　愛誠会</t>
    <rPh sb="0" eb="2">
      <t>イリョウ</t>
    </rPh>
    <rPh sb="2" eb="4">
      <t>ホウジン</t>
    </rPh>
    <rPh sb="5" eb="6">
      <t>アイ</t>
    </rPh>
    <rPh sb="6" eb="7">
      <t>マコト</t>
    </rPh>
    <rPh sb="7" eb="8">
      <t>カイ</t>
    </rPh>
    <phoneticPr fontId="3"/>
  </si>
  <si>
    <t>大阪市天王寺区悲田院町9-20阿倍野橋ﾋﾞﾙ1階</t>
    <rPh sb="0" eb="3">
      <t>オオサカシ</t>
    </rPh>
    <rPh sb="3" eb="7">
      <t>テンノウジク</t>
    </rPh>
    <rPh sb="7" eb="11">
      <t>ヒデンインチョウ</t>
    </rPh>
    <rPh sb="15" eb="18">
      <t>アベノ</t>
    </rPh>
    <rPh sb="18" eb="19">
      <t>ハシ</t>
    </rPh>
    <rPh sb="23" eb="24">
      <t>カイ</t>
    </rPh>
    <phoneticPr fontId="3"/>
  </si>
  <si>
    <t>医療法人　智絢会</t>
    <rPh sb="0" eb="2">
      <t>イリョウ</t>
    </rPh>
    <rPh sb="2" eb="4">
      <t>ホウジン</t>
    </rPh>
    <rPh sb="5" eb="6">
      <t>チ</t>
    </rPh>
    <rPh sb="6" eb="7">
      <t>アヤ</t>
    </rPh>
    <rPh sb="7" eb="8">
      <t>カイ</t>
    </rPh>
    <phoneticPr fontId="3"/>
  </si>
  <si>
    <t>大阪市平野区平野北2-14-6ｵｵｸﾗ医療複合ﾋﾞﾙ1階</t>
    <rPh sb="0" eb="3">
      <t>オオサカシ</t>
    </rPh>
    <rPh sb="3" eb="6">
      <t>ヒラノク</t>
    </rPh>
    <rPh sb="6" eb="8">
      <t>ヒラノ</t>
    </rPh>
    <rPh sb="8" eb="9">
      <t>キタ</t>
    </rPh>
    <rPh sb="19" eb="21">
      <t>イリョウ</t>
    </rPh>
    <rPh sb="21" eb="23">
      <t>フクゴウ</t>
    </rPh>
    <rPh sb="27" eb="28">
      <t>カイ</t>
    </rPh>
    <phoneticPr fontId="3"/>
  </si>
  <si>
    <t>医療法人　山勝会</t>
    <rPh sb="0" eb="2">
      <t>イリョウ</t>
    </rPh>
    <rPh sb="2" eb="4">
      <t>ホウジン</t>
    </rPh>
    <rPh sb="5" eb="6">
      <t>ヤマ</t>
    </rPh>
    <rPh sb="6" eb="7">
      <t>カ</t>
    </rPh>
    <rPh sb="7" eb="8">
      <t>カイ</t>
    </rPh>
    <phoneticPr fontId="3"/>
  </si>
  <si>
    <t>大阪市天王寺区東高津町9-11</t>
    <rPh sb="0" eb="3">
      <t>オオサカシ</t>
    </rPh>
    <rPh sb="3" eb="7">
      <t>テンノウジク</t>
    </rPh>
    <rPh sb="7" eb="8">
      <t>ヒガシ</t>
    </rPh>
    <rPh sb="8" eb="10">
      <t>コウヅ</t>
    </rPh>
    <rPh sb="10" eb="11">
      <t>マチ</t>
    </rPh>
    <phoneticPr fontId="3"/>
  </si>
  <si>
    <t>東成区</t>
    <phoneticPr fontId="3"/>
  </si>
  <si>
    <t>医療法人　玉造こどもクリニック</t>
    <rPh sb="0" eb="2">
      <t>イリョウ</t>
    </rPh>
    <rPh sb="2" eb="4">
      <t>ホウジン</t>
    </rPh>
    <rPh sb="5" eb="7">
      <t>タマツクリ</t>
    </rPh>
    <phoneticPr fontId="3"/>
  </si>
  <si>
    <t>大阪市東成区中道3-16-15ｿﾚｱｰﾄﾞ玉造2階</t>
    <rPh sb="0" eb="3">
      <t>オオサカシ</t>
    </rPh>
    <rPh sb="3" eb="6">
      <t>ヒガシナリク</t>
    </rPh>
    <rPh sb="6" eb="8">
      <t>ナカミチ</t>
    </rPh>
    <rPh sb="21" eb="23">
      <t>タマツクリ</t>
    </rPh>
    <rPh sb="24" eb="25">
      <t>カイ</t>
    </rPh>
    <phoneticPr fontId="3"/>
  </si>
  <si>
    <t>医療法人　かみづる眼科</t>
    <rPh sb="0" eb="2">
      <t>イリョウ</t>
    </rPh>
    <rPh sb="2" eb="4">
      <t>ホウジン</t>
    </rPh>
    <rPh sb="9" eb="11">
      <t>ガンカ</t>
    </rPh>
    <phoneticPr fontId="3"/>
  </si>
  <si>
    <t>医療法人　タナカ眼科</t>
    <rPh sb="0" eb="2">
      <t>イリョウ</t>
    </rPh>
    <rPh sb="2" eb="4">
      <t>ホウジン</t>
    </rPh>
    <rPh sb="8" eb="10">
      <t>ガンカ</t>
    </rPh>
    <phoneticPr fontId="3"/>
  </si>
  <si>
    <t>大阪市鶴見区鶴見4-16-12 ﾗﾌｨｰﾈｼｬﾝﾌﾞﾙ201号</t>
    <rPh sb="30" eb="31">
      <t>ゴウ</t>
    </rPh>
    <phoneticPr fontId="3"/>
  </si>
  <si>
    <t>医療法人　浩恵会</t>
    <rPh sb="0" eb="2">
      <t>イリョウ</t>
    </rPh>
    <rPh sb="2" eb="4">
      <t>ホウジン</t>
    </rPh>
    <rPh sb="5" eb="6">
      <t>コウ</t>
    </rPh>
    <rPh sb="6" eb="7">
      <t>ケイ</t>
    </rPh>
    <rPh sb="7" eb="8">
      <t>カイ</t>
    </rPh>
    <phoneticPr fontId="3"/>
  </si>
  <si>
    <t>大阪市東成区東小橋1-9-19JR玉造駅ＮＫﾋﾞﾙ2階</t>
    <rPh sb="0" eb="3">
      <t>オオサカシ</t>
    </rPh>
    <rPh sb="3" eb="6">
      <t>ヒガシナリク</t>
    </rPh>
    <rPh sb="6" eb="9">
      <t>ヒガシオバセ</t>
    </rPh>
    <rPh sb="17" eb="19">
      <t>タマツクリ</t>
    </rPh>
    <rPh sb="19" eb="20">
      <t>エキ</t>
    </rPh>
    <rPh sb="26" eb="27">
      <t>カイ</t>
    </rPh>
    <phoneticPr fontId="3"/>
  </si>
  <si>
    <t>医療法人　高仁会</t>
    <rPh sb="0" eb="2">
      <t>イリョウ</t>
    </rPh>
    <rPh sb="2" eb="4">
      <t>ホウジン</t>
    </rPh>
    <rPh sb="5" eb="6">
      <t>タカ</t>
    </rPh>
    <rPh sb="6" eb="7">
      <t>ジン</t>
    </rPh>
    <rPh sb="7" eb="8">
      <t>カイ</t>
    </rPh>
    <phoneticPr fontId="3"/>
  </si>
  <si>
    <t>大阪市住之江区東加賀屋3-12-18</t>
    <phoneticPr fontId="3"/>
  </si>
  <si>
    <t>医療法人　浩佑会</t>
    <rPh sb="0" eb="2">
      <t>イリョウ</t>
    </rPh>
    <rPh sb="2" eb="4">
      <t>ホウジン</t>
    </rPh>
    <rPh sb="5" eb="6">
      <t>ヒロ</t>
    </rPh>
    <rPh sb="6" eb="7">
      <t>ユウ</t>
    </rPh>
    <rPh sb="7" eb="8">
      <t>カイ</t>
    </rPh>
    <phoneticPr fontId="3"/>
  </si>
  <si>
    <t>大阪市都島区善源寺町2-2-22善源寺ﾒﾃﾞｨｶﾙﾓｰﾙ2階</t>
    <rPh sb="0" eb="3">
      <t>オオサカシ</t>
    </rPh>
    <rPh sb="3" eb="6">
      <t>ミヤコジマク</t>
    </rPh>
    <rPh sb="6" eb="7">
      <t>ゼン</t>
    </rPh>
    <rPh sb="16" eb="17">
      <t>ゼン</t>
    </rPh>
    <rPh sb="17" eb="18">
      <t>ミナモト</t>
    </rPh>
    <rPh sb="18" eb="19">
      <t>テラ</t>
    </rPh>
    <phoneticPr fontId="3"/>
  </si>
  <si>
    <t>医療法人　厚匠会</t>
    <rPh sb="0" eb="2">
      <t>イリョウ</t>
    </rPh>
    <rPh sb="2" eb="4">
      <t>ホウジン</t>
    </rPh>
    <rPh sb="5" eb="6">
      <t>アツ</t>
    </rPh>
    <rPh sb="6" eb="7">
      <t>タクミ</t>
    </rPh>
    <rPh sb="7" eb="8">
      <t>カイ</t>
    </rPh>
    <phoneticPr fontId="3"/>
  </si>
  <si>
    <t>大阪市中央区本町4-2-12東芝大阪ﾋﾞﾙ4階</t>
    <rPh sb="0" eb="3">
      <t>オオサカシ</t>
    </rPh>
    <rPh sb="3" eb="6">
      <t>チュウオウク</t>
    </rPh>
    <rPh sb="6" eb="8">
      <t>ホンマチ</t>
    </rPh>
    <rPh sb="14" eb="16">
      <t>トウシバ</t>
    </rPh>
    <rPh sb="16" eb="18">
      <t>オオサカ</t>
    </rPh>
    <rPh sb="22" eb="23">
      <t>カイ</t>
    </rPh>
    <phoneticPr fontId="3"/>
  </si>
  <si>
    <t>医療法人　健雄会</t>
    <rPh sb="0" eb="2">
      <t>イリョウ</t>
    </rPh>
    <rPh sb="2" eb="4">
      <t>ホウジン</t>
    </rPh>
    <rPh sb="5" eb="6">
      <t>ケン</t>
    </rPh>
    <rPh sb="6" eb="7">
      <t>ユウ</t>
    </rPh>
    <rPh sb="7" eb="8">
      <t>カイ</t>
    </rPh>
    <phoneticPr fontId="3"/>
  </si>
  <si>
    <t>大阪市都島区中野町1-2-12</t>
    <rPh sb="0" eb="3">
      <t>オオサカシ</t>
    </rPh>
    <rPh sb="3" eb="6">
      <t>ミヤコジマク</t>
    </rPh>
    <rPh sb="6" eb="8">
      <t>ナカノ</t>
    </rPh>
    <rPh sb="8" eb="9">
      <t>マチ</t>
    </rPh>
    <phoneticPr fontId="3"/>
  </si>
  <si>
    <t>医療法人　祐星会</t>
    <rPh sb="0" eb="2">
      <t>イリョウ</t>
    </rPh>
    <rPh sb="2" eb="4">
      <t>ホウジン</t>
    </rPh>
    <rPh sb="5" eb="6">
      <t>ユウ</t>
    </rPh>
    <rPh sb="6" eb="7">
      <t>ホシ</t>
    </rPh>
    <rPh sb="7" eb="8">
      <t>カイ</t>
    </rPh>
    <phoneticPr fontId="3"/>
  </si>
  <si>
    <t>大阪市生野区勝山北1-18-14</t>
    <rPh sb="0" eb="3">
      <t>オオサカシ</t>
    </rPh>
    <rPh sb="3" eb="6">
      <t>イクノク</t>
    </rPh>
    <rPh sb="6" eb="8">
      <t>カツヤマ</t>
    </rPh>
    <rPh sb="8" eb="9">
      <t>キタ</t>
    </rPh>
    <phoneticPr fontId="3"/>
  </si>
  <si>
    <t>医療法人　栄知会</t>
    <rPh sb="0" eb="2">
      <t>イリョウ</t>
    </rPh>
    <rPh sb="2" eb="4">
      <t>ホウジン</t>
    </rPh>
    <rPh sb="5" eb="6">
      <t>サカエ</t>
    </rPh>
    <rPh sb="6" eb="7">
      <t>チ</t>
    </rPh>
    <rPh sb="7" eb="8">
      <t>カイ</t>
    </rPh>
    <phoneticPr fontId="3"/>
  </si>
  <si>
    <t>大阪市大正区泉尾1-5-8</t>
    <rPh sb="0" eb="3">
      <t>オオサカシ</t>
    </rPh>
    <rPh sb="3" eb="6">
      <t>タイショウク</t>
    </rPh>
    <rPh sb="6" eb="8">
      <t>イズオ</t>
    </rPh>
    <phoneticPr fontId="3"/>
  </si>
  <si>
    <t>医療法人　啓紘会</t>
    <rPh sb="0" eb="2">
      <t>イリョウ</t>
    </rPh>
    <rPh sb="2" eb="4">
      <t>ホウジン</t>
    </rPh>
    <rPh sb="5" eb="6">
      <t>ケイ</t>
    </rPh>
    <rPh sb="6" eb="7">
      <t>コウ</t>
    </rPh>
    <rPh sb="7" eb="8">
      <t>カイ</t>
    </rPh>
    <phoneticPr fontId="3"/>
  </si>
  <si>
    <t>大阪市阿倍野区阪南町1-50-10日栄ﾋﾞﾙ2階</t>
    <rPh sb="0" eb="3">
      <t>オオサカシ</t>
    </rPh>
    <rPh sb="3" eb="7">
      <t>アベノク</t>
    </rPh>
    <rPh sb="7" eb="9">
      <t>ハンナン</t>
    </rPh>
    <rPh sb="9" eb="10">
      <t>マチ</t>
    </rPh>
    <rPh sb="17" eb="18">
      <t>ニチ</t>
    </rPh>
    <rPh sb="18" eb="19">
      <t>サカエ</t>
    </rPh>
    <rPh sb="23" eb="24">
      <t>カイ</t>
    </rPh>
    <phoneticPr fontId="3"/>
  </si>
  <si>
    <t>医療法人　健信会</t>
    <rPh sb="0" eb="2">
      <t>イリョウ</t>
    </rPh>
    <rPh sb="2" eb="4">
      <t>ホウジン</t>
    </rPh>
    <rPh sb="5" eb="6">
      <t>ケン</t>
    </rPh>
    <rPh sb="6" eb="7">
      <t>シン</t>
    </rPh>
    <rPh sb="7" eb="8">
      <t>カイ</t>
    </rPh>
    <phoneticPr fontId="3"/>
  </si>
  <si>
    <t>医療法人　美戸会</t>
    <rPh sb="0" eb="2">
      <t>イリョウ</t>
    </rPh>
    <rPh sb="2" eb="4">
      <t>ホウジン</t>
    </rPh>
    <rPh sb="5" eb="6">
      <t>ビ</t>
    </rPh>
    <rPh sb="6" eb="7">
      <t>ト</t>
    </rPh>
    <rPh sb="7" eb="8">
      <t>カイ</t>
    </rPh>
    <phoneticPr fontId="3"/>
  </si>
  <si>
    <t>大阪市住吉区長居西2-11-14</t>
    <rPh sb="0" eb="3">
      <t>オオサカシ</t>
    </rPh>
    <rPh sb="3" eb="6">
      <t>スミヨシク</t>
    </rPh>
    <rPh sb="6" eb="8">
      <t>ナガイ</t>
    </rPh>
    <rPh sb="8" eb="9">
      <t>ニシ</t>
    </rPh>
    <phoneticPr fontId="3"/>
  </si>
  <si>
    <t>医療法人　健世会</t>
    <rPh sb="0" eb="2">
      <t>イリョウ</t>
    </rPh>
    <rPh sb="2" eb="4">
      <t>ホウジン</t>
    </rPh>
    <rPh sb="5" eb="6">
      <t>ケン</t>
    </rPh>
    <rPh sb="6" eb="7">
      <t>ヨ</t>
    </rPh>
    <rPh sb="7" eb="8">
      <t>カイ</t>
    </rPh>
    <phoneticPr fontId="3"/>
  </si>
  <si>
    <t>大阪市住吉区苅田3-17-24ﾊｲﾂ粟新我孫子1階</t>
    <rPh sb="0" eb="3">
      <t>オオサカシ</t>
    </rPh>
    <rPh sb="3" eb="6">
      <t>スミヨシク</t>
    </rPh>
    <rPh sb="6" eb="8">
      <t>カリタ</t>
    </rPh>
    <rPh sb="18" eb="19">
      <t>アワ</t>
    </rPh>
    <rPh sb="19" eb="20">
      <t>シン</t>
    </rPh>
    <rPh sb="20" eb="23">
      <t>アビコ</t>
    </rPh>
    <rPh sb="24" eb="25">
      <t>カイ</t>
    </rPh>
    <phoneticPr fontId="3"/>
  </si>
  <si>
    <t>医療法人　さくら</t>
    <rPh sb="0" eb="2">
      <t>イリョウ</t>
    </rPh>
    <rPh sb="2" eb="4">
      <t>ホウジン</t>
    </rPh>
    <phoneticPr fontId="3"/>
  </si>
  <si>
    <t>大阪市平野区喜連西4-7-33ｲﾝﾍﾟﾘｱﾙｶｰｻ1階</t>
    <rPh sb="0" eb="3">
      <t>オオサカシ</t>
    </rPh>
    <rPh sb="3" eb="6">
      <t>ヒラノク</t>
    </rPh>
    <rPh sb="6" eb="8">
      <t>キレ</t>
    </rPh>
    <rPh sb="8" eb="9">
      <t>ニシ</t>
    </rPh>
    <rPh sb="26" eb="27">
      <t>カイ</t>
    </rPh>
    <phoneticPr fontId="3"/>
  </si>
  <si>
    <t>大阪市鶴見区横堤2-22-13ｱｸﾃｨｴﾋﾞｽ1階</t>
    <rPh sb="0" eb="3">
      <t>オオサカシ</t>
    </rPh>
    <rPh sb="3" eb="6">
      <t>ツルミク</t>
    </rPh>
    <rPh sb="6" eb="8">
      <t>ヨコヅツミ</t>
    </rPh>
    <rPh sb="24" eb="25">
      <t>カイ</t>
    </rPh>
    <phoneticPr fontId="3"/>
  </si>
  <si>
    <t>社会医療法人　きつこう会</t>
    <rPh sb="0" eb="2">
      <t>シャカイ</t>
    </rPh>
    <phoneticPr fontId="3"/>
  </si>
  <si>
    <t>社会医療法人　真美会</t>
    <rPh sb="0" eb="2">
      <t>シャカイ</t>
    </rPh>
    <phoneticPr fontId="3"/>
  </si>
  <si>
    <t>社会医療法人　景岳会</t>
    <rPh sb="0" eb="2">
      <t>シャカイ</t>
    </rPh>
    <phoneticPr fontId="3"/>
  </si>
  <si>
    <t>社会医療法人　盛和会</t>
    <rPh sb="0" eb="2">
      <t>シャカイ</t>
    </rPh>
    <phoneticPr fontId="3"/>
  </si>
  <si>
    <t>医療法人　うえだ小児科</t>
    <rPh sb="8" eb="11">
      <t>ショウニカ</t>
    </rPh>
    <phoneticPr fontId="3"/>
  </si>
  <si>
    <t xml:space="preserve">大阪市西区立売堀1-5-13 ｴｺﾛｼﾞｰ立売堀ﾚｼﾞﾃﾞﾝｽ1階 </t>
    <rPh sb="21" eb="24">
      <t>イタチボリ</t>
    </rPh>
    <rPh sb="32" eb="33">
      <t>カイ</t>
    </rPh>
    <phoneticPr fontId="3"/>
  </si>
  <si>
    <t>大阪市天王寺区真法院町12-4</t>
    <rPh sb="0" eb="3">
      <t>オオサカシ</t>
    </rPh>
    <rPh sb="3" eb="7">
      <t>テンノウジク</t>
    </rPh>
    <rPh sb="7" eb="8">
      <t>シン</t>
    </rPh>
    <rPh sb="8" eb="9">
      <t>ホウ</t>
    </rPh>
    <rPh sb="9" eb="10">
      <t>イン</t>
    </rPh>
    <rPh sb="10" eb="11">
      <t>マチ</t>
    </rPh>
    <phoneticPr fontId="3"/>
  </si>
  <si>
    <t>医療法人　誠真会</t>
    <rPh sb="5" eb="6">
      <t>マコト</t>
    </rPh>
    <rPh sb="6" eb="7">
      <t>シン</t>
    </rPh>
    <phoneticPr fontId="3"/>
  </si>
  <si>
    <t>大阪市淀川区東三国6-10-1</t>
    <phoneticPr fontId="3"/>
  </si>
  <si>
    <t>医療法人　翠翔会</t>
    <rPh sb="6" eb="7">
      <t>ショウ</t>
    </rPh>
    <rPh sb="7" eb="8">
      <t>カイ</t>
    </rPh>
    <phoneticPr fontId="3"/>
  </si>
  <si>
    <t>大阪市都島区都島本通5-14-11</t>
    <phoneticPr fontId="3"/>
  </si>
  <si>
    <t>大阪市旭区新森2-5-3</t>
    <phoneticPr fontId="3"/>
  </si>
  <si>
    <t>医療法人　優心会</t>
    <rPh sb="5" eb="6">
      <t>ユウ</t>
    </rPh>
    <phoneticPr fontId="3"/>
  </si>
  <si>
    <t>大阪市旭区新森2-12-12</t>
    <phoneticPr fontId="3"/>
  </si>
  <si>
    <t>大阪市北区中津1-2-21 中津明大ﾋﾞﾙ2F</t>
    <rPh sb="5" eb="7">
      <t>ナカツ</t>
    </rPh>
    <rPh sb="14" eb="16">
      <t>ナカツ</t>
    </rPh>
    <rPh sb="16" eb="17">
      <t>メイ</t>
    </rPh>
    <rPh sb="17" eb="18">
      <t>ダイ</t>
    </rPh>
    <phoneticPr fontId="3"/>
  </si>
  <si>
    <t>医療法人　社団真希会</t>
    <rPh sb="5" eb="7">
      <t>シャダン</t>
    </rPh>
    <phoneticPr fontId="3"/>
  </si>
  <si>
    <t>医療法人　菊倍会</t>
    <phoneticPr fontId="3"/>
  </si>
  <si>
    <t>大阪市住之江区粉浜西2-3-17</t>
    <phoneticPr fontId="3"/>
  </si>
  <si>
    <t>大阪市北区芝田2-7-18 ｵｰｴｯｸｽ梅田ﾋﾞﾙ新館1階</t>
    <phoneticPr fontId="3"/>
  </si>
  <si>
    <t>大阪市西区九条3-23-3</t>
    <phoneticPr fontId="3"/>
  </si>
  <si>
    <t>大阪市平野区加美正覚寺2-6-14</t>
    <phoneticPr fontId="3"/>
  </si>
  <si>
    <t>大阪市中央区谷町6-3-2</t>
    <phoneticPr fontId="3"/>
  </si>
  <si>
    <t>大阪市生野区田島5-6-15</t>
    <phoneticPr fontId="3"/>
  </si>
  <si>
    <t>大阪市都島区大東町2-5-24</t>
    <phoneticPr fontId="3"/>
  </si>
  <si>
    <t>医療法人　白崎整形外科内科</t>
    <rPh sb="11" eb="13">
      <t>ナイカ</t>
    </rPh>
    <phoneticPr fontId="3"/>
  </si>
  <si>
    <t>大阪市東住吉区矢田2-9-14</t>
    <rPh sb="7" eb="9">
      <t>ヤタ</t>
    </rPh>
    <phoneticPr fontId="3"/>
  </si>
  <si>
    <t>大阪市住之江区御崎3-6-2</t>
    <rPh sb="7" eb="9">
      <t>ミサキ</t>
    </rPh>
    <phoneticPr fontId="3"/>
  </si>
  <si>
    <t>医療法人　さつき会</t>
    <phoneticPr fontId="3"/>
  </si>
  <si>
    <t>大阪市生野区巽東1-2-14ウイングヒルズ102号室</t>
    <rPh sb="24" eb="26">
      <t>ゴウシツ</t>
    </rPh>
    <phoneticPr fontId="3"/>
  </si>
  <si>
    <t>医療法人　正育会</t>
    <rPh sb="5" eb="6">
      <t>セイ</t>
    </rPh>
    <rPh sb="6" eb="7">
      <t>イク</t>
    </rPh>
    <phoneticPr fontId="3"/>
  </si>
  <si>
    <t>大阪市中央区南船場3-12-9　心斎橋ﾌﾟﾗｻﾞﾋﾞﾙ東館8階</t>
    <rPh sb="16" eb="19">
      <t>シンサイバシ</t>
    </rPh>
    <rPh sb="27" eb="28">
      <t>ヒガシ</t>
    </rPh>
    <rPh sb="28" eb="29">
      <t>カン</t>
    </rPh>
    <phoneticPr fontId="3"/>
  </si>
  <si>
    <t>医療法人　弘正会</t>
    <rPh sb="5" eb="6">
      <t>ヒロム</t>
    </rPh>
    <rPh sb="6" eb="7">
      <t>セイ</t>
    </rPh>
    <rPh sb="7" eb="8">
      <t>カイ</t>
    </rPh>
    <phoneticPr fontId="3"/>
  </si>
  <si>
    <t>大阪市淀川区宮原1-6-1 新大阪ﾌﾞﾘｯｸﾋﾞﾙ2階</t>
    <rPh sb="14" eb="17">
      <t>シンオオサカ</t>
    </rPh>
    <phoneticPr fontId="3"/>
  </si>
  <si>
    <t>医療法人　むらのクリニック</t>
    <phoneticPr fontId="3"/>
  </si>
  <si>
    <t>大阪市中央区道修町4-4-10 KDX小林道修町ﾋﾞﾙ1階</t>
    <rPh sb="19" eb="21">
      <t>コバヤシ</t>
    </rPh>
    <rPh sb="21" eb="22">
      <t>ミチ</t>
    </rPh>
    <rPh sb="22" eb="23">
      <t>シュウ</t>
    </rPh>
    <rPh sb="23" eb="24">
      <t>マチ</t>
    </rPh>
    <rPh sb="28" eb="29">
      <t>カイ</t>
    </rPh>
    <phoneticPr fontId="3"/>
  </si>
  <si>
    <t>医療法人　祐里会</t>
    <rPh sb="5" eb="6">
      <t>ユウ</t>
    </rPh>
    <rPh sb="6" eb="7">
      <t>サト</t>
    </rPh>
    <rPh sb="7" eb="8">
      <t>カイ</t>
    </rPh>
    <phoneticPr fontId="3"/>
  </si>
  <si>
    <t>大阪市阿倍野区阪南町3-10-3 ｸﾞﾚｰｽｺｰﾄｼｰﾀﾞｰﾊﾞﾚｰⅡ1階</t>
    <rPh sb="36" eb="37">
      <t>カイ</t>
    </rPh>
    <phoneticPr fontId="3"/>
  </si>
  <si>
    <t>医療法人　誠翠会</t>
    <rPh sb="0" eb="2">
      <t>イリョウ</t>
    </rPh>
    <rPh sb="2" eb="4">
      <t>ホウジン</t>
    </rPh>
    <rPh sb="5" eb="6">
      <t>マコト</t>
    </rPh>
    <rPh sb="6" eb="7">
      <t>ミドリ</t>
    </rPh>
    <rPh sb="7" eb="8">
      <t>カイ</t>
    </rPh>
    <phoneticPr fontId="5"/>
  </si>
  <si>
    <t>大阪市都島区都島本通3-20-3</t>
    <rPh sb="0" eb="2">
      <t>オオサカ</t>
    </rPh>
    <rPh sb="2" eb="3">
      <t>シ</t>
    </rPh>
    <rPh sb="3" eb="6">
      <t>ミヤコジマク</t>
    </rPh>
    <rPh sb="6" eb="8">
      <t>ミヤコジマ</t>
    </rPh>
    <rPh sb="8" eb="10">
      <t>ホンドオリ</t>
    </rPh>
    <phoneticPr fontId="1"/>
  </si>
  <si>
    <t>医療法人　永恵会</t>
    <rPh sb="5" eb="6">
      <t>エイ</t>
    </rPh>
    <rPh sb="6" eb="7">
      <t>メグミ</t>
    </rPh>
    <rPh sb="7" eb="8">
      <t>カイ</t>
    </rPh>
    <phoneticPr fontId="3"/>
  </si>
  <si>
    <t>大阪市平野区長吉六反3-5-2</t>
    <phoneticPr fontId="3"/>
  </si>
  <si>
    <t>医療法人　上本町ぼく小児科</t>
    <rPh sb="5" eb="8">
      <t>ウエホンマチ</t>
    </rPh>
    <rPh sb="10" eb="13">
      <t>ショウニカ</t>
    </rPh>
    <phoneticPr fontId="3"/>
  </si>
  <si>
    <t>大阪市天王寺区上本町8-2-1 ｸﾗｲｽ上本町1階</t>
    <rPh sb="0" eb="3">
      <t>オオサカシ</t>
    </rPh>
    <rPh sb="3" eb="7">
      <t>テンノウジク</t>
    </rPh>
    <rPh sb="7" eb="10">
      <t>ウエホンマチ</t>
    </rPh>
    <rPh sb="20" eb="23">
      <t>ウエホンマチ</t>
    </rPh>
    <rPh sb="24" eb="25">
      <t>カイ</t>
    </rPh>
    <phoneticPr fontId="3"/>
  </si>
  <si>
    <t>医療法人　にしかわこどもクリニック</t>
    <phoneticPr fontId="3"/>
  </si>
  <si>
    <t>大阪市平野区平野西3-9-11</t>
    <phoneticPr fontId="3"/>
  </si>
  <si>
    <t>大阪市住吉区我孫子東2-4-29</t>
    <rPh sb="0" eb="3">
      <t>オオサカシ</t>
    </rPh>
    <rPh sb="3" eb="6">
      <t>スミヨシク</t>
    </rPh>
    <rPh sb="6" eb="9">
      <t>アビコ</t>
    </rPh>
    <rPh sb="9" eb="10">
      <t>ヒガシ</t>
    </rPh>
    <phoneticPr fontId="3"/>
  </si>
  <si>
    <t>医療法人　中野脳神経外科クリニック</t>
    <rPh sb="5" eb="7">
      <t>ナカノ</t>
    </rPh>
    <rPh sb="7" eb="10">
      <t>ノウシンケイ</t>
    </rPh>
    <rPh sb="10" eb="12">
      <t>ゲカ</t>
    </rPh>
    <phoneticPr fontId="3"/>
  </si>
  <si>
    <t>大阪市住之江区粉浜2-9-14 ﾖｺﾊﾏﾋﾞﾙ1階</t>
    <rPh sb="24" eb="25">
      <t>カイ</t>
    </rPh>
    <phoneticPr fontId="3"/>
  </si>
  <si>
    <t>医療法人　こころのクリニック和</t>
    <rPh sb="14" eb="15">
      <t>ワ</t>
    </rPh>
    <phoneticPr fontId="3"/>
  </si>
  <si>
    <t>大阪市中央区南本町2-2-9 辰野南本町ﾋﾞﾙ1階</t>
    <rPh sb="15" eb="17">
      <t>タツノ</t>
    </rPh>
    <rPh sb="17" eb="18">
      <t>ミナミ</t>
    </rPh>
    <rPh sb="18" eb="20">
      <t>ホンマチ</t>
    </rPh>
    <phoneticPr fontId="3"/>
  </si>
  <si>
    <t>医療法人　明誠会</t>
    <rPh sb="5" eb="6">
      <t>メイ</t>
    </rPh>
    <rPh sb="6" eb="7">
      <t>マコト</t>
    </rPh>
    <rPh sb="7" eb="8">
      <t>カイ</t>
    </rPh>
    <phoneticPr fontId="3"/>
  </si>
  <si>
    <t>大阪市平野区喜連4-8-53 大一興産ﾋﾞﾙ1階</t>
    <rPh sb="15" eb="16">
      <t>ダイ</t>
    </rPh>
    <rPh sb="16" eb="17">
      <t>イチ</t>
    </rPh>
    <rPh sb="17" eb="19">
      <t>コウサン</t>
    </rPh>
    <rPh sb="23" eb="24">
      <t>カイ</t>
    </rPh>
    <phoneticPr fontId="3"/>
  </si>
  <si>
    <t>医療法人　高山会</t>
    <rPh sb="5" eb="7">
      <t>タカヤマ</t>
    </rPh>
    <phoneticPr fontId="3"/>
  </si>
  <si>
    <t>大阪市住之江区浜口東3-5-20 ｵｰｸ住之江ﾋﾞﾙ1階</t>
    <rPh sb="7" eb="9">
      <t>ハマグチ</t>
    </rPh>
    <rPh sb="9" eb="10">
      <t>ヒガシ</t>
    </rPh>
    <rPh sb="20" eb="23">
      <t>スミノエ</t>
    </rPh>
    <phoneticPr fontId="3"/>
  </si>
  <si>
    <t>医療法人　いくい皮フ科</t>
    <rPh sb="8" eb="9">
      <t>カワ</t>
    </rPh>
    <rPh sb="10" eb="11">
      <t>カ</t>
    </rPh>
    <phoneticPr fontId="5"/>
  </si>
  <si>
    <t>大阪市淀川区東三国4-2-22 ｻﾆｰｻｲﾄﾞ240　101号室</t>
    <rPh sb="0" eb="2">
      <t>オオサカ</t>
    </rPh>
    <rPh sb="2" eb="3">
      <t>シ</t>
    </rPh>
    <rPh sb="3" eb="6">
      <t>ヨドガワク</t>
    </rPh>
    <rPh sb="6" eb="7">
      <t>ヒガシ</t>
    </rPh>
    <rPh sb="7" eb="9">
      <t>ミクニ</t>
    </rPh>
    <rPh sb="27" eb="31">
      <t>１０１ゴウシツ</t>
    </rPh>
    <phoneticPr fontId="5"/>
  </si>
  <si>
    <t>医療法人　ゴールド会</t>
    <rPh sb="9" eb="10">
      <t>カイ</t>
    </rPh>
    <phoneticPr fontId="3"/>
  </si>
  <si>
    <t>大阪市北区太融寺町5-13 東梅田ﾊﾟｰｸﾋﾞﾙ6階</t>
    <phoneticPr fontId="3"/>
  </si>
  <si>
    <t>大阪市北区天神橋7-2-1 天六幸榮ﾋﾞﾙ4階</t>
    <rPh sb="14" eb="15">
      <t>テン</t>
    </rPh>
    <rPh sb="15" eb="16">
      <t>ロク</t>
    </rPh>
    <rPh sb="16" eb="17">
      <t>サチ</t>
    </rPh>
    <rPh sb="17" eb="18">
      <t>サカエ</t>
    </rPh>
    <rPh sb="22" eb="23">
      <t>カイ</t>
    </rPh>
    <phoneticPr fontId="3"/>
  </si>
  <si>
    <t>医療法人　歯永会</t>
    <rPh sb="5" eb="6">
      <t>ハ</t>
    </rPh>
    <rPh sb="6" eb="7">
      <t>エイ</t>
    </rPh>
    <rPh sb="7" eb="8">
      <t>カイ</t>
    </rPh>
    <phoneticPr fontId="3"/>
  </si>
  <si>
    <t>大阪市天王寺区真法院町17-26 1階</t>
    <rPh sb="0" eb="3">
      <t>オオサカシ</t>
    </rPh>
    <rPh sb="3" eb="7">
      <t>テンノウジク</t>
    </rPh>
    <rPh sb="7" eb="8">
      <t>シン</t>
    </rPh>
    <rPh sb="8" eb="9">
      <t>ホウ</t>
    </rPh>
    <rPh sb="9" eb="10">
      <t>イン</t>
    </rPh>
    <rPh sb="10" eb="11">
      <t>マチ</t>
    </rPh>
    <rPh sb="18" eb="19">
      <t>カイ</t>
    </rPh>
    <phoneticPr fontId="3"/>
  </si>
  <si>
    <t>大阪市淀川区木川西4-2-2 ｵｰｸﾋﾙｽﾞ1階</t>
    <rPh sb="6" eb="8">
      <t>キカワ</t>
    </rPh>
    <rPh sb="8" eb="9">
      <t>ニシ</t>
    </rPh>
    <rPh sb="23" eb="24">
      <t>カイ</t>
    </rPh>
    <phoneticPr fontId="3"/>
  </si>
  <si>
    <t>医療法人　アトランティック</t>
    <phoneticPr fontId="3"/>
  </si>
  <si>
    <t>大阪市中央区南船場4-4-3 心斎橋東急ﾋﾞﾙ2階</t>
    <rPh sb="15" eb="18">
      <t>シンサイバシ</t>
    </rPh>
    <rPh sb="18" eb="20">
      <t>トウキュウ</t>
    </rPh>
    <rPh sb="24" eb="25">
      <t>カイ</t>
    </rPh>
    <phoneticPr fontId="3"/>
  </si>
  <si>
    <t>医療法人　くれしろ歯科</t>
    <rPh sb="9" eb="11">
      <t>シカ</t>
    </rPh>
    <phoneticPr fontId="3"/>
  </si>
  <si>
    <t>大阪市淀川区宮原4-3-12 明幸ﾋﾞﾙ2階</t>
    <rPh sb="3" eb="5">
      <t>ヨドガワ</t>
    </rPh>
    <rPh sb="6" eb="8">
      <t>ミヤハラ</t>
    </rPh>
    <rPh sb="15" eb="16">
      <t>メイ</t>
    </rPh>
    <rPh sb="16" eb="17">
      <t>サチ</t>
    </rPh>
    <rPh sb="21" eb="22">
      <t>カイ</t>
    </rPh>
    <phoneticPr fontId="3"/>
  </si>
  <si>
    <t>医療法人　医心会</t>
    <rPh sb="5" eb="6">
      <t>イ</t>
    </rPh>
    <rPh sb="6" eb="7">
      <t>ココロ</t>
    </rPh>
    <rPh sb="7" eb="8">
      <t>カイ</t>
    </rPh>
    <phoneticPr fontId="3"/>
  </si>
  <si>
    <t>大阪市阿倍野区阪南町3-39-14</t>
    <phoneticPr fontId="3"/>
  </si>
  <si>
    <t>医療法人　杉村内科クリニック</t>
    <phoneticPr fontId="3"/>
  </si>
  <si>
    <t>医療法人　行岡整形外科</t>
    <rPh sb="5" eb="7">
      <t>イクオカ</t>
    </rPh>
    <rPh sb="7" eb="9">
      <t>セイケイ</t>
    </rPh>
    <rPh sb="9" eb="11">
      <t>ゲカ</t>
    </rPh>
    <phoneticPr fontId="3"/>
  </si>
  <si>
    <t>大阪市鶴見区今津北5-11-12</t>
    <phoneticPr fontId="3"/>
  </si>
  <si>
    <t>大阪市平野区背戸口5-4-2 ｱヴｨﾀｼｵﾝ秋月1階</t>
    <phoneticPr fontId="3"/>
  </si>
  <si>
    <t>大阪市中央区日本橋1-17-17ﾋﾟｶｿ日本一ﾋﾞﾙ2階</t>
    <rPh sb="3" eb="6">
      <t>チュウオウク</t>
    </rPh>
    <rPh sb="6" eb="9">
      <t>ニホンバシ</t>
    </rPh>
    <rPh sb="22" eb="23">
      <t>イチ</t>
    </rPh>
    <phoneticPr fontId="3"/>
  </si>
  <si>
    <t>医療法人　創正会</t>
    <rPh sb="5" eb="6">
      <t>ソウ</t>
    </rPh>
    <rPh sb="6" eb="7">
      <t>タダ</t>
    </rPh>
    <rPh sb="7" eb="8">
      <t>カイ</t>
    </rPh>
    <phoneticPr fontId="3"/>
  </si>
  <si>
    <t xml:space="preserve">大阪市中央区心斎橋筋1-4-27 </t>
    <phoneticPr fontId="3"/>
  </si>
  <si>
    <t>医療法人　京星会</t>
    <rPh sb="5" eb="6">
      <t>キョウ</t>
    </rPh>
    <phoneticPr fontId="3"/>
  </si>
  <si>
    <t>大阪市北区曽根崎新地1-4-20桜橋IMﾋﾞﾙ2F</t>
    <rPh sb="3" eb="4">
      <t>キタ</t>
    </rPh>
    <rPh sb="5" eb="8">
      <t>ソネザキ</t>
    </rPh>
    <rPh sb="8" eb="10">
      <t>シンチ</t>
    </rPh>
    <rPh sb="16" eb="18">
      <t>サクラバシ</t>
    </rPh>
    <phoneticPr fontId="3"/>
  </si>
  <si>
    <t>医療法人　鈇田クリニック</t>
    <phoneticPr fontId="3"/>
  </si>
  <si>
    <t>大阪市浪速区大国2-6-11</t>
    <phoneticPr fontId="3"/>
  </si>
  <si>
    <t>医療法人　晧真会</t>
    <rPh sb="5" eb="6">
      <t>コウ</t>
    </rPh>
    <phoneticPr fontId="3"/>
  </si>
  <si>
    <t>医療法人　醇風会</t>
    <phoneticPr fontId="3"/>
  </si>
  <si>
    <t>医療法人　しぎの眼科</t>
    <phoneticPr fontId="3"/>
  </si>
  <si>
    <t>医療法人　豊旺会</t>
    <rPh sb="0" eb="2">
      <t>イリョウ</t>
    </rPh>
    <rPh sb="2" eb="4">
      <t>ホウジン</t>
    </rPh>
    <rPh sb="5" eb="6">
      <t>ユタカ</t>
    </rPh>
    <rPh sb="6" eb="7">
      <t>オウ</t>
    </rPh>
    <rPh sb="7" eb="8">
      <t>カイ</t>
    </rPh>
    <phoneticPr fontId="3"/>
  </si>
  <si>
    <t>医療法人　正和会</t>
    <phoneticPr fontId="3"/>
  </si>
  <si>
    <t>医療法人　碧い会</t>
    <phoneticPr fontId="3"/>
  </si>
  <si>
    <t>医療法人　峻正会</t>
    <phoneticPr fontId="3"/>
  </si>
  <si>
    <t>医療法人　野瀬クリニック</t>
    <phoneticPr fontId="3"/>
  </si>
  <si>
    <t>医療法人　黒川梅田診療所</t>
    <phoneticPr fontId="3"/>
  </si>
  <si>
    <t>医療法人　豊仁会</t>
    <phoneticPr fontId="3"/>
  </si>
  <si>
    <t>医療法人　さの内科医院</t>
    <rPh sb="0" eb="2">
      <t>イリョウ</t>
    </rPh>
    <rPh sb="2" eb="4">
      <t>ホウジン</t>
    </rPh>
    <rPh sb="7" eb="9">
      <t>ナイカ</t>
    </rPh>
    <rPh sb="9" eb="11">
      <t>イイン</t>
    </rPh>
    <phoneticPr fontId="3"/>
  </si>
  <si>
    <t>生野区小路2-28-2</t>
    <rPh sb="0" eb="3">
      <t>イクノク</t>
    </rPh>
    <rPh sb="3" eb="5">
      <t>ショウジ</t>
    </rPh>
    <phoneticPr fontId="3"/>
  </si>
  <si>
    <t>医療法人　大谷眼科クリニック</t>
    <rPh sb="0" eb="2">
      <t>イリョウ</t>
    </rPh>
    <rPh sb="2" eb="4">
      <t>ホウジン</t>
    </rPh>
    <rPh sb="5" eb="7">
      <t>オオタニ</t>
    </rPh>
    <rPh sb="7" eb="9">
      <t>ガンカ</t>
    </rPh>
    <phoneticPr fontId="3"/>
  </si>
  <si>
    <t>生野区桃谷3-6-5</t>
    <rPh sb="0" eb="3">
      <t>イクノク</t>
    </rPh>
    <rPh sb="3" eb="4">
      <t>モモ</t>
    </rPh>
    <rPh sb="4" eb="5">
      <t>タニ</t>
    </rPh>
    <phoneticPr fontId="3"/>
  </si>
  <si>
    <t>医療法人　にしぐち小児科</t>
    <rPh sb="0" eb="2">
      <t>イリョウ</t>
    </rPh>
    <rPh sb="2" eb="4">
      <t>ホウジン</t>
    </rPh>
    <rPh sb="9" eb="12">
      <t>ショウニカ</t>
    </rPh>
    <phoneticPr fontId="3"/>
  </si>
  <si>
    <t>大阪市淀川区木川東2-2-2シャインビュー新大阪1階</t>
    <rPh sb="0" eb="3">
      <t>オオサカシ</t>
    </rPh>
    <rPh sb="3" eb="6">
      <t>ヨドガワク</t>
    </rPh>
    <rPh sb="6" eb="8">
      <t>キガワ</t>
    </rPh>
    <rPh sb="8" eb="9">
      <t>ヒガシ</t>
    </rPh>
    <rPh sb="21" eb="24">
      <t>シンオオサカ</t>
    </rPh>
    <rPh sb="25" eb="26">
      <t>カイ</t>
    </rPh>
    <phoneticPr fontId="3"/>
  </si>
  <si>
    <t>医療法人　池澤クリニック</t>
    <rPh sb="0" eb="2">
      <t>イリョウ</t>
    </rPh>
    <rPh sb="2" eb="4">
      <t>ホウジン</t>
    </rPh>
    <rPh sb="5" eb="7">
      <t>イケザワ</t>
    </rPh>
    <phoneticPr fontId="3"/>
  </si>
  <si>
    <t>医療法人　貴歯会</t>
    <rPh sb="0" eb="2">
      <t>イリョウ</t>
    </rPh>
    <rPh sb="2" eb="4">
      <t>ホウジン</t>
    </rPh>
    <rPh sb="5" eb="6">
      <t>タカシ</t>
    </rPh>
    <rPh sb="6" eb="7">
      <t>ハ</t>
    </rPh>
    <rPh sb="7" eb="8">
      <t>カイ</t>
    </rPh>
    <phoneticPr fontId="3"/>
  </si>
  <si>
    <t>医療法人　都島プラザ歯科</t>
    <rPh sb="0" eb="2">
      <t>イリョウ</t>
    </rPh>
    <rPh sb="2" eb="4">
      <t>ホウジン</t>
    </rPh>
    <rPh sb="5" eb="7">
      <t>ミヤコジマ</t>
    </rPh>
    <rPh sb="10" eb="12">
      <t>シカ</t>
    </rPh>
    <phoneticPr fontId="3"/>
  </si>
  <si>
    <t>医療法人　博仁会</t>
    <rPh sb="0" eb="2">
      <t>イリョウ</t>
    </rPh>
    <rPh sb="2" eb="4">
      <t>ホウジン</t>
    </rPh>
    <rPh sb="5" eb="6">
      <t>ヒロシ</t>
    </rPh>
    <rPh sb="6" eb="7">
      <t>ジン</t>
    </rPh>
    <rPh sb="7" eb="8">
      <t>カイ</t>
    </rPh>
    <phoneticPr fontId="3"/>
  </si>
  <si>
    <t>大阪市城東区鴫野東2-12-17</t>
    <rPh sb="0" eb="3">
      <t>オオサカシ</t>
    </rPh>
    <rPh sb="3" eb="6">
      <t>ジョウトウク</t>
    </rPh>
    <rPh sb="6" eb="9">
      <t>シギノヒガシ</t>
    </rPh>
    <phoneticPr fontId="3"/>
  </si>
  <si>
    <t>医療法人　いしかわ耳鼻咽喉科クリニック</t>
    <phoneticPr fontId="3"/>
  </si>
  <si>
    <t>大阪市東淀川区大桐2-7-16　上新庄ｸﾞﾗﾝﾄﾞﾊｲﾂ北1階</t>
    <rPh sb="7" eb="9">
      <t>ダイドウ</t>
    </rPh>
    <rPh sb="16" eb="17">
      <t>ウエ</t>
    </rPh>
    <rPh sb="17" eb="19">
      <t>シンジョウ</t>
    </rPh>
    <rPh sb="27" eb="29">
      <t>１カイ</t>
    </rPh>
    <phoneticPr fontId="3"/>
  </si>
  <si>
    <t>医療法人　アールクリニック</t>
    <rPh sb="0" eb="2">
      <t>イリョウ</t>
    </rPh>
    <rPh sb="2" eb="4">
      <t>ホウジン</t>
    </rPh>
    <phoneticPr fontId="3"/>
  </si>
  <si>
    <t>医療法人　心愛会</t>
    <rPh sb="0" eb="2">
      <t>イリョウ</t>
    </rPh>
    <rPh sb="2" eb="4">
      <t>ホウジン</t>
    </rPh>
    <rPh sb="5" eb="6">
      <t>ココロ</t>
    </rPh>
    <rPh sb="6" eb="7">
      <t>アイ</t>
    </rPh>
    <rPh sb="7" eb="8">
      <t>カイ</t>
    </rPh>
    <phoneticPr fontId="3"/>
  </si>
  <si>
    <t>医療法人　三島クリニック</t>
    <phoneticPr fontId="3"/>
  </si>
  <si>
    <t>医療法人　星真会アモウデンタルクリニック</t>
    <phoneticPr fontId="3"/>
  </si>
  <si>
    <t>大阪市淀川区三津屋中２－１１－１</t>
    <rPh sb="0" eb="3">
      <t>オオサカシ</t>
    </rPh>
    <rPh sb="3" eb="6">
      <t>ヨドガワク</t>
    </rPh>
    <rPh sb="6" eb="9">
      <t>ミツヤ</t>
    </rPh>
    <rPh sb="9" eb="10">
      <t>ナカ</t>
    </rPh>
    <phoneticPr fontId="3"/>
  </si>
  <si>
    <t>大阪市北区豊崎3-5-10 KENSOﾋﾞﾙ１F</t>
    <phoneticPr fontId="3"/>
  </si>
  <si>
    <t>大阪市住之江区御崎6-16-12</t>
    <rPh sb="0" eb="3">
      <t>オオサカシ</t>
    </rPh>
    <rPh sb="3" eb="7">
      <t>スミノエク</t>
    </rPh>
    <rPh sb="7" eb="9">
      <t>ミサキ</t>
    </rPh>
    <phoneticPr fontId="3"/>
  </si>
  <si>
    <t>東淀川区</t>
    <rPh sb="0" eb="1">
      <t>ヒガシ</t>
    </rPh>
    <rPh sb="1" eb="4">
      <t>ヨドガワク</t>
    </rPh>
    <phoneticPr fontId="3"/>
  </si>
  <si>
    <t>大阪市住吉区苅田5-16-6 ﾎﾞﾅｰﾙ辻川1階</t>
    <phoneticPr fontId="3"/>
  </si>
  <si>
    <t>大阪市浪速区敷津東3-11-10</t>
    <rPh sb="6" eb="8">
      <t>シキツ</t>
    </rPh>
    <rPh sb="8" eb="9">
      <t>ヒガシ</t>
    </rPh>
    <phoneticPr fontId="3"/>
  </si>
  <si>
    <t>医療法人　橘正会</t>
    <rPh sb="0" eb="2">
      <t>イリョウ</t>
    </rPh>
    <rPh sb="2" eb="4">
      <t>ホウジン</t>
    </rPh>
    <rPh sb="5" eb="6">
      <t>タチバナ</t>
    </rPh>
    <rPh sb="6" eb="7">
      <t>セイ</t>
    </rPh>
    <rPh sb="7" eb="8">
      <t>カイ</t>
    </rPh>
    <phoneticPr fontId="3"/>
  </si>
  <si>
    <t>大阪市住之江区御崎3－4－23</t>
    <rPh sb="0" eb="3">
      <t>オオサカシ</t>
    </rPh>
    <rPh sb="3" eb="7">
      <t>スミノエク</t>
    </rPh>
    <rPh sb="7" eb="9">
      <t>ミサキ</t>
    </rPh>
    <phoneticPr fontId="3"/>
  </si>
  <si>
    <t>医療法人　杉山診療所</t>
    <rPh sb="5" eb="7">
      <t>スギヤマ</t>
    </rPh>
    <phoneticPr fontId="3"/>
  </si>
  <si>
    <t>医療法人　眞和会</t>
    <rPh sb="0" eb="2">
      <t>イリョウ</t>
    </rPh>
    <rPh sb="2" eb="4">
      <t>ホウジン</t>
    </rPh>
    <rPh sb="5" eb="6">
      <t>マコト</t>
    </rPh>
    <rPh sb="6" eb="7">
      <t>ワ</t>
    </rPh>
    <rPh sb="7" eb="8">
      <t>カイ</t>
    </rPh>
    <phoneticPr fontId="3"/>
  </si>
  <si>
    <t>大阪市福島区吉野1－10－13NTTﾋﾞﾙ5階</t>
    <rPh sb="0" eb="3">
      <t>オオサカシ</t>
    </rPh>
    <rPh sb="3" eb="5">
      <t>フクシマ</t>
    </rPh>
    <rPh sb="5" eb="6">
      <t>ク</t>
    </rPh>
    <rPh sb="6" eb="8">
      <t>ヨシノ</t>
    </rPh>
    <rPh sb="22" eb="23">
      <t>カイ</t>
    </rPh>
    <phoneticPr fontId="3"/>
  </si>
  <si>
    <t>医療法人　渡部診療所</t>
    <phoneticPr fontId="3"/>
  </si>
  <si>
    <t>医療法人　希望会</t>
    <rPh sb="0" eb="2">
      <t>イリョウ</t>
    </rPh>
    <rPh sb="2" eb="4">
      <t>ホウジン</t>
    </rPh>
    <phoneticPr fontId="3"/>
  </si>
  <si>
    <t>大阪市平野区長吉長原西1－3－8</t>
    <rPh sb="3" eb="6">
      <t>ヒラノク</t>
    </rPh>
    <rPh sb="6" eb="8">
      <t>ナガヨシ</t>
    </rPh>
    <rPh sb="8" eb="10">
      <t>ナガハラ</t>
    </rPh>
    <rPh sb="10" eb="11">
      <t>ニシ</t>
    </rPh>
    <phoneticPr fontId="3"/>
  </si>
  <si>
    <t>医療法人　五黄会</t>
    <rPh sb="0" eb="2">
      <t>イリョウ</t>
    </rPh>
    <rPh sb="2" eb="4">
      <t>ホウジン</t>
    </rPh>
    <rPh sb="5" eb="6">
      <t>ゴ</t>
    </rPh>
    <rPh sb="6" eb="7">
      <t>コウ</t>
    </rPh>
    <rPh sb="7" eb="8">
      <t>カイ</t>
    </rPh>
    <phoneticPr fontId="3"/>
  </si>
  <si>
    <t>医療法人　誠仁会</t>
    <rPh sb="0" eb="2">
      <t>イリョウ</t>
    </rPh>
    <rPh sb="2" eb="4">
      <t>ホウジン</t>
    </rPh>
    <rPh sb="5" eb="6">
      <t>マコト</t>
    </rPh>
    <rPh sb="6" eb="7">
      <t>ヒトシ</t>
    </rPh>
    <rPh sb="7" eb="8">
      <t>カイ</t>
    </rPh>
    <phoneticPr fontId="3"/>
  </si>
  <si>
    <t>大阪市平野区加美東1－13－44OTMﾋﾞﾙ101号</t>
    <rPh sb="0" eb="3">
      <t>オオサカシ</t>
    </rPh>
    <rPh sb="3" eb="5">
      <t>ヒラノ</t>
    </rPh>
    <rPh sb="5" eb="6">
      <t>ク</t>
    </rPh>
    <rPh sb="6" eb="9">
      <t>カミヒガシ</t>
    </rPh>
    <phoneticPr fontId="3"/>
  </si>
  <si>
    <t>医療法人　たけだ眼科</t>
    <rPh sb="0" eb="2">
      <t>イリョウ</t>
    </rPh>
    <rPh sb="2" eb="4">
      <t>ホウジン</t>
    </rPh>
    <rPh sb="8" eb="10">
      <t>ガンカ</t>
    </rPh>
    <phoneticPr fontId="3"/>
  </si>
  <si>
    <t>大阪市東淀川区北江口4－6－15</t>
    <rPh sb="0" eb="3">
      <t>オオサカシ</t>
    </rPh>
    <rPh sb="3" eb="7">
      <t>ヒガシヨドガワク</t>
    </rPh>
    <rPh sb="7" eb="10">
      <t>キタエグチ</t>
    </rPh>
    <phoneticPr fontId="3"/>
  </si>
  <si>
    <t>医療法人　幸城会</t>
    <rPh sb="0" eb="2">
      <t>イリョウ</t>
    </rPh>
    <rPh sb="2" eb="4">
      <t>ホウジン</t>
    </rPh>
    <rPh sb="5" eb="6">
      <t>ユキ</t>
    </rPh>
    <rPh sb="6" eb="7">
      <t>シロ</t>
    </rPh>
    <rPh sb="7" eb="8">
      <t>カイ</t>
    </rPh>
    <phoneticPr fontId="3"/>
  </si>
  <si>
    <t xml:space="preserve">大阪市北区西天満4－12－11ﾌﾟﾗｻﾞ新別館２F   </t>
    <rPh sb="0" eb="3">
      <t>オオサカシ</t>
    </rPh>
    <rPh sb="3" eb="5">
      <t>キタク</t>
    </rPh>
    <rPh sb="5" eb="6">
      <t>ニシ</t>
    </rPh>
    <rPh sb="6" eb="8">
      <t>テンマ</t>
    </rPh>
    <rPh sb="19" eb="21">
      <t>ベッカン</t>
    </rPh>
    <rPh sb="21" eb="22">
      <t>２</t>
    </rPh>
    <rPh sb="22" eb="23">
      <t>Ｆ</t>
    </rPh>
    <phoneticPr fontId="3"/>
  </si>
  <si>
    <t>医療法人　誉祐会</t>
    <rPh sb="0" eb="2">
      <t>イリョウ</t>
    </rPh>
    <rPh sb="2" eb="4">
      <t>ホウジン</t>
    </rPh>
    <rPh sb="5" eb="6">
      <t>ヨ</t>
    </rPh>
    <rPh sb="6" eb="7">
      <t>ユウ</t>
    </rPh>
    <rPh sb="7" eb="8">
      <t>カイ</t>
    </rPh>
    <phoneticPr fontId="3"/>
  </si>
  <si>
    <t>大阪市東淀川区東淡路4－28－14
イーズメディテラス2階</t>
    <rPh sb="0" eb="3">
      <t>オオサカシ</t>
    </rPh>
    <rPh sb="3" eb="7">
      <t>ヒガシヨドガワク</t>
    </rPh>
    <rPh sb="7" eb="8">
      <t>ヒガシ</t>
    </rPh>
    <rPh sb="8" eb="10">
      <t>アワジ</t>
    </rPh>
    <rPh sb="28" eb="29">
      <t>カイ</t>
    </rPh>
    <phoneticPr fontId="3"/>
  </si>
  <si>
    <t>医療法人　太樹会</t>
    <rPh sb="0" eb="2">
      <t>イリョウ</t>
    </rPh>
    <rPh sb="2" eb="4">
      <t>ホウジン</t>
    </rPh>
    <rPh sb="5" eb="6">
      <t>フト</t>
    </rPh>
    <rPh sb="6" eb="7">
      <t>キ</t>
    </rPh>
    <rPh sb="7" eb="8">
      <t>カイ</t>
    </rPh>
    <phoneticPr fontId="3"/>
  </si>
  <si>
    <t>大阪市西区境川1-1-31</t>
    <rPh sb="0" eb="3">
      <t>オオサカシ</t>
    </rPh>
    <rPh sb="3" eb="5">
      <t>ニシク</t>
    </rPh>
    <rPh sb="5" eb="7">
      <t>サカイガワ</t>
    </rPh>
    <phoneticPr fontId="3"/>
  </si>
  <si>
    <t>医療法人　裕歯会</t>
    <rPh sb="0" eb="2">
      <t>イリョウ</t>
    </rPh>
    <rPh sb="2" eb="4">
      <t>ホウジン</t>
    </rPh>
    <rPh sb="5" eb="6">
      <t>ユウ</t>
    </rPh>
    <rPh sb="6" eb="7">
      <t>ハ</t>
    </rPh>
    <rPh sb="7" eb="8">
      <t>カイ</t>
    </rPh>
    <phoneticPr fontId="3"/>
  </si>
  <si>
    <t>大阪市住之江区粉浜3-3-20ｻﾝﾄﾏﾝｼｮﾝ１F</t>
    <rPh sb="0" eb="3">
      <t>オオサカシ</t>
    </rPh>
    <rPh sb="3" eb="7">
      <t>スミノエク</t>
    </rPh>
    <rPh sb="7" eb="9">
      <t>コハマ</t>
    </rPh>
    <phoneticPr fontId="3"/>
  </si>
  <si>
    <t>医療法人　健笑会</t>
    <rPh sb="0" eb="2">
      <t>イリョウ</t>
    </rPh>
    <rPh sb="2" eb="4">
      <t>ホウジン</t>
    </rPh>
    <rPh sb="5" eb="6">
      <t>タケシ</t>
    </rPh>
    <rPh sb="6" eb="7">
      <t>ワラ</t>
    </rPh>
    <rPh sb="7" eb="8">
      <t>カイ</t>
    </rPh>
    <phoneticPr fontId="3"/>
  </si>
  <si>
    <t>大阪市旭区高殿6-3-15ﾊｲﾂｱﾄﾞﾆｽ2F</t>
    <rPh sb="0" eb="3">
      <t>オオサカシ</t>
    </rPh>
    <rPh sb="3" eb="5">
      <t>アサヒク</t>
    </rPh>
    <rPh sb="5" eb="7">
      <t>タカドノ</t>
    </rPh>
    <phoneticPr fontId="3"/>
  </si>
  <si>
    <t>医療法人　太雅会</t>
    <rPh sb="0" eb="2">
      <t>イリョウ</t>
    </rPh>
    <rPh sb="2" eb="4">
      <t>ホウジン</t>
    </rPh>
    <phoneticPr fontId="3"/>
  </si>
  <si>
    <t>大阪市天王寺区筆ヶ崎町5-52-202</t>
    <rPh sb="0" eb="3">
      <t>オオサカシ</t>
    </rPh>
    <rPh sb="3" eb="7">
      <t>テンノウジク</t>
    </rPh>
    <rPh sb="7" eb="10">
      <t>フデガサキ</t>
    </rPh>
    <rPh sb="10" eb="11">
      <t>チョウ</t>
    </rPh>
    <phoneticPr fontId="3"/>
  </si>
  <si>
    <t>医療法人　有仁会</t>
    <rPh sb="0" eb="2">
      <t>イリョウ</t>
    </rPh>
    <rPh sb="2" eb="4">
      <t>ホウジン</t>
    </rPh>
    <rPh sb="5" eb="6">
      <t>ユウ</t>
    </rPh>
    <rPh sb="6" eb="7">
      <t>ヒトシ</t>
    </rPh>
    <rPh sb="7" eb="8">
      <t>カイ</t>
    </rPh>
    <phoneticPr fontId="3"/>
  </si>
  <si>
    <t>大阪市港区弁天4-15-14　1階</t>
    <rPh sb="0" eb="3">
      <t>オオサカシ</t>
    </rPh>
    <rPh sb="3" eb="5">
      <t>ミナトク</t>
    </rPh>
    <rPh sb="5" eb="7">
      <t>ベンテン</t>
    </rPh>
    <rPh sb="16" eb="17">
      <t>カイ</t>
    </rPh>
    <phoneticPr fontId="3"/>
  </si>
  <si>
    <t>医療法人　花音会</t>
    <rPh sb="0" eb="2">
      <t>イリョウ</t>
    </rPh>
    <rPh sb="2" eb="4">
      <t>ホウジン</t>
    </rPh>
    <rPh sb="5" eb="6">
      <t>ハナ</t>
    </rPh>
    <rPh sb="6" eb="7">
      <t>オト</t>
    </rPh>
    <rPh sb="7" eb="8">
      <t>カイ</t>
    </rPh>
    <phoneticPr fontId="3"/>
  </si>
  <si>
    <t>大阪市北区東天満1-7-17東天満ﾋﾞﾙ9階</t>
    <rPh sb="5" eb="6">
      <t>ヒガシ</t>
    </rPh>
    <rPh sb="6" eb="8">
      <t>テンマ</t>
    </rPh>
    <rPh sb="14" eb="15">
      <t>ヒガシ</t>
    </rPh>
    <rPh sb="15" eb="17">
      <t>テンマ</t>
    </rPh>
    <rPh sb="21" eb="22">
      <t>カイ</t>
    </rPh>
    <phoneticPr fontId="3"/>
  </si>
  <si>
    <t>大阪市東成区深江北深江北2-2-3</t>
    <phoneticPr fontId="3"/>
  </si>
  <si>
    <t>大阪市中央区南久宝寺町2-1-9船場ﾒﾃﾞｨｶﾙビル8F</t>
    <rPh sb="16" eb="18">
      <t>センバ</t>
    </rPh>
    <phoneticPr fontId="3"/>
  </si>
  <si>
    <t>大阪市西淀川区歌島1-2-5</t>
    <phoneticPr fontId="3"/>
  </si>
  <si>
    <t>医療法人　ながの歯科</t>
    <rPh sb="0" eb="2">
      <t>イリョウ</t>
    </rPh>
    <rPh sb="2" eb="4">
      <t>ホウジン</t>
    </rPh>
    <rPh sb="8" eb="10">
      <t>シカ</t>
    </rPh>
    <phoneticPr fontId="3"/>
  </si>
  <si>
    <t>大阪市西淀川区姫島3-13-53</t>
    <rPh sb="3" eb="7">
      <t>ニシヨドガワク</t>
    </rPh>
    <rPh sb="7" eb="8">
      <t>ヒメ</t>
    </rPh>
    <rPh sb="8" eb="9">
      <t>シマ</t>
    </rPh>
    <phoneticPr fontId="3"/>
  </si>
  <si>
    <t>住吉区</t>
    <rPh sb="0" eb="2">
      <t>スミヨシ</t>
    </rPh>
    <rPh sb="2" eb="3">
      <t>ク</t>
    </rPh>
    <phoneticPr fontId="3"/>
  </si>
  <si>
    <t>医療法人　こどもクリニック森</t>
    <rPh sb="0" eb="2">
      <t>イリョウ</t>
    </rPh>
    <rPh sb="2" eb="4">
      <t>ホウジン</t>
    </rPh>
    <rPh sb="13" eb="14">
      <t>モリ</t>
    </rPh>
    <phoneticPr fontId="3"/>
  </si>
  <si>
    <t>医療法人　京進会</t>
    <rPh sb="0" eb="2">
      <t>イリョウ</t>
    </rPh>
    <rPh sb="2" eb="4">
      <t>ホウジン</t>
    </rPh>
    <rPh sb="5" eb="6">
      <t>ケイ</t>
    </rPh>
    <rPh sb="6" eb="7">
      <t>スス</t>
    </rPh>
    <rPh sb="7" eb="8">
      <t>カイ</t>
    </rPh>
    <phoneticPr fontId="3"/>
  </si>
  <si>
    <t>大阪市城東区鴫野東3-4-18鴫野東あさひﾋﾞﾙ1階</t>
    <rPh sb="15" eb="17">
      <t>シギノ</t>
    </rPh>
    <rPh sb="17" eb="18">
      <t>ヒガシ</t>
    </rPh>
    <rPh sb="25" eb="26">
      <t>カイ</t>
    </rPh>
    <phoneticPr fontId="3"/>
  </si>
  <si>
    <t>淀川区</t>
    <rPh sb="0" eb="2">
      <t>ヨドガワ</t>
    </rPh>
    <rPh sb="2" eb="3">
      <t>ク</t>
    </rPh>
    <phoneticPr fontId="3"/>
  </si>
  <si>
    <t>医療法人　さかざきこどもクリニック</t>
    <rPh sb="0" eb="2">
      <t>イリョウ</t>
    </rPh>
    <rPh sb="2" eb="4">
      <t>ホウジン</t>
    </rPh>
    <phoneticPr fontId="3"/>
  </si>
  <si>
    <t>大阪市西区九条1-27-6　九条ビル3階</t>
    <rPh sb="0" eb="3">
      <t>オオサカシ</t>
    </rPh>
    <rPh sb="3" eb="5">
      <t>ニシク</t>
    </rPh>
    <rPh sb="5" eb="7">
      <t>クジョウ</t>
    </rPh>
    <rPh sb="14" eb="16">
      <t>クジョウ</t>
    </rPh>
    <rPh sb="19" eb="20">
      <t>カイ</t>
    </rPh>
    <phoneticPr fontId="3"/>
  </si>
  <si>
    <t>大阪市中央区西心斎橋2-3-2御堂筋ミナミビル5階502号室</t>
    <rPh sb="0" eb="3">
      <t>オオサカシ</t>
    </rPh>
    <rPh sb="3" eb="6">
      <t>チュウオウク</t>
    </rPh>
    <rPh sb="6" eb="7">
      <t>ニシ</t>
    </rPh>
    <rPh sb="7" eb="10">
      <t>シンサイバシ</t>
    </rPh>
    <rPh sb="15" eb="17">
      <t>ミドウ</t>
    </rPh>
    <rPh sb="17" eb="18">
      <t>スジ</t>
    </rPh>
    <rPh sb="24" eb="25">
      <t>カイ</t>
    </rPh>
    <rPh sb="28" eb="30">
      <t>ゴウシツ</t>
    </rPh>
    <phoneticPr fontId="3"/>
  </si>
  <si>
    <t>医療法人社団三幸美咲会</t>
    <rPh sb="0" eb="2">
      <t>イリョウ</t>
    </rPh>
    <rPh sb="2" eb="4">
      <t>ホウジン</t>
    </rPh>
    <rPh sb="4" eb="6">
      <t>シャダン</t>
    </rPh>
    <rPh sb="6" eb="8">
      <t>サンコウ</t>
    </rPh>
    <rPh sb="8" eb="10">
      <t>ミサキ</t>
    </rPh>
    <rPh sb="10" eb="11">
      <t>カイ</t>
    </rPh>
    <phoneticPr fontId="3"/>
  </si>
  <si>
    <t>医療法人　ふじた泌尿器科</t>
    <rPh sb="0" eb="2">
      <t>イリョウ</t>
    </rPh>
    <rPh sb="2" eb="4">
      <t>ホウジン</t>
    </rPh>
    <rPh sb="8" eb="12">
      <t>ヒニョウキカ</t>
    </rPh>
    <phoneticPr fontId="3"/>
  </si>
  <si>
    <t>大阪市旭区新森2-4-10</t>
    <rPh sb="0" eb="3">
      <t>オオサカシ</t>
    </rPh>
    <rPh sb="3" eb="5">
      <t>アサヒク</t>
    </rPh>
    <rPh sb="5" eb="6">
      <t>シン</t>
    </rPh>
    <rPh sb="6" eb="7">
      <t>モリ</t>
    </rPh>
    <phoneticPr fontId="3"/>
  </si>
  <si>
    <t>医療法人　徳靖会</t>
    <rPh sb="0" eb="2">
      <t>イリョウ</t>
    </rPh>
    <rPh sb="2" eb="4">
      <t>ホウジン</t>
    </rPh>
    <rPh sb="5" eb="6">
      <t>トク</t>
    </rPh>
    <rPh sb="6" eb="7">
      <t>ヤスシ</t>
    </rPh>
    <rPh sb="7" eb="8">
      <t>カイ</t>
    </rPh>
    <phoneticPr fontId="3"/>
  </si>
  <si>
    <t>医療法人　桃ヶ池クリニック</t>
    <rPh sb="0" eb="2">
      <t>イリョウ</t>
    </rPh>
    <rPh sb="2" eb="4">
      <t>ホウジン</t>
    </rPh>
    <rPh sb="5" eb="6">
      <t>モモ</t>
    </rPh>
    <rPh sb="7" eb="8">
      <t>イケ</t>
    </rPh>
    <phoneticPr fontId="3"/>
  </si>
  <si>
    <t>大阪市阿倍野区桃ヶ池町2-13-15</t>
    <rPh sb="0" eb="3">
      <t>オオサカシ</t>
    </rPh>
    <rPh sb="3" eb="7">
      <t>アベノク</t>
    </rPh>
    <rPh sb="7" eb="11">
      <t>モモガイケチョウ</t>
    </rPh>
    <phoneticPr fontId="3"/>
  </si>
  <si>
    <t>阿倍野区</t>
    <rPh sb="0" eb="3">
      <t>アベノ</t>
    </rPh>
    <rPh sb="3" eb="4">
      <t>ク</t>
    </rPh>
    <phoneticPr fontId="3"/>
  </si>
  <si>
    <t>大阪市北区芝田2-1-18西阪急ﾋﾞﾙB１F</t>
    <rPh sb="0" eb="3">
      <t>オオサカシ</t>
    </rPh>
    <rPh sb="3" eb="5">
      <t>キタク</t>
    </rPh>
    <rPh sb="5" eb="7">
      <t>シバタ</t>
    </rPh>
    <rPh sb="13" eb="14">
      <t>ニシ</t>
    </rPh>
    <rPh sb="14" eb="16">
      <t>ハンキュウ</t>
    </rPh>
    <phoneticPr fontId="3"/>
  </si>
  <si>
    <t>医療法人　香久会</t>
    <rPh sb="0" eb="2">
      <t>イリョウ</t>
    </rPh>
    <rPh sb="2" eb="4">
      <t>ホウジン</t>
    </rPh>
    <rPh sb="5" eb="6">
      <t>カ</t>
    </rPh>
    <rPh sb="6" eb="7">
      <t>ヒサ</t>
    </rPh>
    <rPh sb="7" eb="8">
      <t>カイ</t>
    </rPh>
    <phoneticPr fontId="3"/>
  </si>
  <si>
    <t>大阪市東成区大今里3-2-10</t>
    <rPh sb="0" eb="3">
      <t>オオサカシ</t>
    </rPh>
    <rPh sb="3" eb="6">
      <t>ヒガシナリク</t>
    </rPh>
    <rPh sb="6" eb="9">
      <t>オオイマザト</t>
    </rPh>
    <phoneticPr fontId="3"/>
  </si>
  <si>
    <t>医療法人　尚佳会</t>
    <rPh sb="0" eb="2">
      <t>イリョウ</t>
    </rPh>
    <rPh sb="2" eb="4">
      <t>ホウジン</t>
    </rPh>
    <rPh sb="5" eb="7">
      <t>ナオヨシ</t>
    </rPh>
    <rPh sb="7" eb="8">
      <t>カイ</t>
    </rPh>
    <phoneticPr fontId="3"/>
  </si>
  <si>
    <t>医療法人　国崇会</t>
    <rPh sb="0" eb="2">
      <t>イリョウ</t>
    </rPh>
    <rPh sb="2" eb="4">
      <t>ホウジン</t>
    </rPh>
    <phoneticPr fontId="3"/>
  </si>
  <si>
    <t>大阪市北区梅田2-2-2ヒルトンプラザウエスト４階</t>
    <rPh sb="0" eb="3">
      <t>オオサカシ</t>
    </rPh>
    <rPh sb="3" eb="5">
      <t>キタク</t>
    </rPh>
    <rPh sb="5" eb="7">
      <t>ウメダ</t>
    </rPh>
    <rPh sb="24" eb="25">
      <t>カイ</t>
    </rPh>
    <phoneticPr fontId="3"/>
  </si>
  <si>
    <t>医療法人　こんどう耳鼻咽喉科クリニック</t>
    <rPh sb="0" eb="2">
      <t>イリョウ</t>
    </rPh>
    <rPh sb="2" eb="4">
      <t>ホウジン</t>
    </rPh>
    <rPh sb="9" eb="11">
      <t>ジビ</t>
    </rPh>
    <rPh sb="11" eb="13">
      <t>インコウ</t>
    </rPh>
    <rPh sb="13" eb="14">
      <t>カ</t>
    </rPh>
    <phoneticPr fontId="3"/>
  </si>
  <si>
    <t>大阪市東成区大今里西1-26-5ﾛﾊｽﾌﾟﾗｻﾞ今里203号</t>
    <rPh sb="24" eb="26">
      <t>イマザト</t>
    </rPh>
    <rPh sb="29" eb="30">
      <t>ゴウ</t>
    </rPh>
    <phoneticPr fontId="3"/>
  </si>
  <si>
    <t>大阪市東成区東小橋3-14-31 鶴橋ﾗｲﾌﾋﾞﾙ1階</t>
    <phoneticPr fontId="3"/>
  </si>
  <si>
    <t>西淀川区</t>
    <rPh sb="0" eb="4">
      <t>ニシヨドガワク</t>
    </rPh>
    <phoneticPr fontId="3"/>
  </si>
  <si>
    <t>医療法人　あかり歯科</t>
    <rPh sb="8" eb="10">
      <t>シカ</t>
    </rPh>
    <phoneticPr fontId="5"/>
  </si>
  <si>
    <t>医療法人　瑞和会</t>
    <rPh sb="5" eb="6">
      <t>ズイ</t>
    </rPh>
    <rPh sb="6" eb="7">
      <t>ワ</t>
    </rPh>
    <rPh sb="7" eb="8">
      <t>カイ</t>
    </rPh>
    <phoneticPr fontId="5"/>
  </si>
  <si>
    <t>大阪市北区梅田2-5-25梅田阪神第1ﾋﾞﾙﾃﾞｨﾝｸﾞ4階</t>
    <rPh sb="5" eb="7">
      <t>ウメダ</t>
    </rPh>
    <rPh sb="13" eb="15">
      <t>ウメダ</t>
    </rPh>
    <rPh sb="15" eb="17">
      <t>ハンシン</t>
    </rPh>
    <rPh sb="17" eb="18">
      <t>ダイ</t>
    </rPh>
    <phoneticPr fontId="3"/>
  </si>
  <si>
    <t>医療法人　見宜堂</t>
    <rPh sb="0" eb="2">
      <t>イリョウ</t>
    </rPh>
    <rPh sb="2" eb="4">
      <t>ホウジン</t>
    </rPh>
    <phoneticPr fontId="3"/>
  </si>
  <si>
    <t>大阪市北区曽根崎2-1-12国道ﾋﾞﾙ5階</t>
    <rPh sb="3" eb="5">
      <t>キタク</t>
    </rPh>
    <rPh sb="5" eb="8">
      <t>ソネザキ</t>
    </rPh>
    <rPh sb="14" eb="16">
      <t>コクドウ</t>
    </rPh>
    <rPh sb="20" eb="21">
      <t>カイ</t>
    </rPh>
    <phoneticPr fontId="3"/>
  </si>
  <si>
    <t>大阪市北区梅田1-3-1大阪駅前第1ﾋﾞﾙ2階</t>
    <rPh sb="3" eb="5">
      <t>キタク</t>
    </rPh>
    <rPh sb="5" eb="7">
      <t>ウメダ</t>
    </rPh>
    <rPh sb="12" eb="14">
      <t>オオサカ</t>
    </rPh>
    <rPh sb="14" eb="16">
      <t>エキマエ</t>
    </rPh>
    <rPh sb="16" eb="17">
      <t>ダイ</t>
    </rPh>
    <phoneticPr fontId="3"/>
  </si>
  <si>
    <t>北区天神橋3-7-26グランドール80、　1階</t>
    <phoneticPr fontId="3"/>
  </si>
  <si>
    <t>医療法人　佐藤内科クリニック</t>
    <rPh sb="0" eb="2">
      <t>イリョウ</t>
    </rPh>
    <rPh sb="2" eb="4">
      <t>ホウジン</t>
    </rPh>
    <rPh sb="5" eb="7">
      <t>サトウ</t>
    </rPh>
    <rPh sb="7" eb="9">
      <t>ナイカ</t>
    </rPh>
    <phoneticPr fontId="3"/>
  </si>
  <si>
    <t>大阪市北区天神橋4-6-14亀甲ﾋﾞﾙ1階</t>
    <phoneticPr fontId="3"/>
  </si>
  <si>
    <t>大阪市生野区田島6-2-26</t>
    <phoneticPr fontId="3"/>
  </si>
  <si>
    <t>大阪市都島区善源寺町2-2-2</t>
    <rPh sb="3" eb="5">
      <t>ミヤコジマ</t>
    </rPh>
    <rPh sb="6" eb="10">
      <t>ゼンゲンジチョウ</t>
    </rPh>
    <phoneticPr fontId="3"/>
  </si>
  <si>
    <t>医療法人　壱燈会</t>
    <rPh sb="0" eb="2">
      <t>イリョウ</t>
    </rPh>
    <rPh sb="2" eb="4">
      <t>ホウジン</t>
    </rPh>
    <rPh sb="5" eb="6">
      <t>イチ</t>
    </rPh>
    <rPh sb="6" eb="7">
      <t>ヒ</t>
    </rPh>
    <rPh sb="7" eb="8">
      <t>カイ</t>
    </rPh>
    <phoneticPr fontId="3"/>
  </si>
  <si>
    <t>大阪市中央区難波3-5-8三栄御堂筋ﾋﾞﾙ3Ｆ</t>
    <rPh sb="3" eb="5">
      <t>チュウオウ</t>
    </rPh>
    <rPh sb="6" eb="8">
      <t>ナンバ</t>
    </rPh>
    <rPh sb="13" eb="15">
      <t>サンエイ</t>
    </rPh>
    <rPh sb="15" eb="17">
      <t>ミドウ</t>
    </rPh>
    <rPh sb="17" eb="18">
      <t>スジ</t>
    </rPh>
    <phoneticPr fontId="3"/>
  </si>
  <si>
    <t>医療法人　桃美会</t>
    <rPh sb="0" eb="2">
      <t>イリョウ</t>
    </rPh>
    <rPh sb="2" eb="4">
      <t>ホウジン</t>
    </rPh>
    <phoneticPr fontId="3"/>
  </si>
  <si>
    <t>大阪市西区境川1-1-31メディカルセンタービル3階</t>
    <phoneticPr fontId="3"/>
  </si>
  <si>
    <t>医療法人　光翔会</t>
    <rPh sb="5" eb="6">
      <t>ヒカリ</t>
    </rPh>
    <rPh sb="6" eb="7">
      <t>ショウ</t>
    </rPh>
    <rPh sb="7" eb="8">
      <t>カイ</t>
    </rPh>
    <phoneticPr fontId="3"/>
  </si>
  <si>
    <t>大阪市天王寺区真法院町10-9ステイツ夕陽丘真法院町402号</t>
    <rPh sb="0" eb="3">
      <t>オオサカシ</t>
    </rPh>
    <rPh sb="3" eb="7">
      <t>テンノウジク</t>
    </rPh>
    <rPh sb="7" eb="8">
      <t>マ</t>
    </rPh>
    <rPh sb="8" eb="9">
      <t>ホウ</t>
    </rPh>
    <rPh sb="9" eb="10">
      <t>イン</t>
    </rPh>
    <rPh sb="10" eb="11">
      <t>チョウ</t>
    </rPh>
    <rPh sb="19" eb="22">
      <t>ユウヒガオカ</t>
    </rPh>
    <rPh sb="22" eb="23">
      <t>マ</t>
    </rPh>
    <rPh sb="23" eb="24">
      <t>ホウ</t>
    </rPh>
    <rPh sb="24" eb="25">
      <t>イン</t>
    </rPh>
    <rPh sb="25" eb="26">
      <t>チョウ</t>
    </rPh>
    <rPh sb="29" eb="30">
      <t>ゴウ</t>
    </rPh>
    <phoneticPr fontId="3"/>
  </si>
  <si>
    <t>医療法人　大平会</t>
    <phoneticPr fontId="3"/>
  </si>
  <si>
    <t>大阪市東成区東小橋1-10-6</t>
    <rPh sb="3" eb="6">
      <t>ヒガシナリク</t>
    </rPh>
    <rPh sb="6" eb="7">
      <t>ヒガシ</t>
    </rPh>
    <rPh sb="7" eb="9">
      <t>コバシ</t>
    </rPh>
    <phoneticPr fontId="3"/>
  </si>
  <si>
    <t>東成区</t>
    <rPh sb="0" eb="2">
      <t>ヒガシナリ</t>
    </rPh>
    <phoneticPr fontId="3"/>
  </si>
  <si>
    <t>大阪市天王寺区大道3-8-31新天王寺田中ビル1階～5階</t>
    <rPh sb="0" eb="3">
      <t>オオサカシ</t>
    </rPh>
    <rPh sb="3" eb="7">
      <t>テンノウジク</t>
    </rPh>
    <rPh sb="7" eb="9">
      <t>オオミチ</t>
    </rPh>
    <rPh sb="15" eb="16">
      <t>シン</t>
    </rPh>
    <rPh sb="16" eb="19">
      <t>テンノウジ</t>
    </rPh>
    <rPh sb="19" eb="21">
      <t>タナカ</t>
    </rPh>
    <rPh sb="24" eb="25">
      <t>カイ</t>
    </rPh>
    <rPh sb="27" eb="28">
      <t>カイ</t>
    </rPh>
    <phoneticPr fontId="3"/>
  </si>
  <si>
    <t>大阪市浪速区幸町1-3-19　昭和綜合管理本社ビル2階</t>
    <phoneticPr fontId="3"/>
  </si>
  <si>
    <t>医療法人　辰巳会</t>
    <phoneticPr fontId="3"/>
  </si>
  <si>
    <t>西淀川区</t>
    <rPh sb="0" eb="3">
      <t>ニシヨドガワ</t>
    </rPh>
    <rPh sb="3" eb="4">
      <t>ク</t>
    </rPh>
    <phoneticPr fontId="3"/>
  </si>
  <si>
    <t>医療法人　田井内科クリニック</t>
    <rPh sb="0" eb="2">
      <t>イリョウ</t>
    </rPh>
    <rPh sb="2" eb="4">
      <t>ホウジン</t>
    </rPh>
    <phoneticPr fontId="3"/>
  </si>
  <si>
    <t>大阪市西淀川区佃3-19-11ルネサンスクレージュ1階</t>
    <rPh sb="3" eb="6">
      <t>ニシヨドガワ</t>
    </rPh>
    <rPh sb="26" eb="27">
      <t>カイ</t>
    </rPh>
    <phoneticPr fontId="3"/>
  </si>
  <si>
    <t>医療法人　志紀会</t>
    <rPh sb="0" eb="2">
      <t>イリョウ</t>
    </rPh>
    <rPh sb="2" eb="4">
      <t>ホウジン</t>
    </rPh>
    <rPh sb="5" eb="7">
      <t>シキ</t>
    </rPh>
    <rPh sb="7" eb="8">
      <t>カイ</t>
    </rPh>
    <phoneticPr fontId="3"/>
  </si>
  <si>
    <t>医療法人　健生会</t>
    <rPh sb="0" eb="2">
      <t>イリョウ</t>
    </rPh>
    <rPh sb="2" eb="4">
      <t>ホウジン</t>
    </rPh>
    <rPh sb="5" eb="6">
      <t>タケシ</t>
    </rPh>
    <rPh sb="6" eb="7">
      <t>セイ</t>
    </rPh>
    <rPh sb="7" eb="8">
      <t>カイ</t>
    </rPh>
    <phoneticPr fontId="3"/>
  </si>
  <si>
    <t>医療法人　にんクリニック</t>
    <rPh sb="0" eb="2">
      <t>イリョウ</t>
    </rPh>
    <rPh sb="2" eb="4">
      <t>ホウジン</t>
    </rPh>
    <phoneticPr fontId="3"/>
  </si>
  <si>
    <t>大阪市生野区巽中1-21-32</t>
    <rPh sb="0" eb="3">
      <t>オオサカシ</t>
    </rPh>
    <rPh sb="3" eb="6">
      <t>イクノク</t>
    </rPh>
    <rPh sb="6" eb="7">
      <t>タツミ</t>
    </rPh>
    <rPh sb="7" eb="8">
      <t>ナカ</t>
    </rPh>
    <phoneticPr fontId="3"/>
  </si>
  <si>
    <t>医療法人　澄心会</t>
    <rPh sb="5" eb="6">
      <t>ス</t>
    </rPh>
    <phoneticPr fontId="3"/>
  </si>
  <si>
    <t>大阪市城東区今福西3-6-32</t>
    <rPh sb="3" eb="5">
      <t>ジョウトウ</t>
    </rPh>
    <rPh sb="5" eb="6">
      <t>ク</t>
    </rPh>
    <rPh sb="6" eb="9">
      <t>イマフクニシ</t>
    </rPh>
    <phoneticPr fontId="3"/>
  </si>
  <si>
    <t>大阪市都島区毛馬町1-8-2</t>
    <rPh sb="3" eb="6">
      <t>ミヤコジマク</t>
    </rPh>
    <rPh sb="6" eb="9">
      <t>ケマチョウ</t>
    </rPh>
    <phoneticPr fontId="3"/>
  </si>
  <si>
    <t>医療法人　優俊会</t>
    <phoneticPr fontId="3"/>
  </si>
  <si>
    <t>大阪市淀川区十三東2‐9‐10十三駅前医療ビル2階</t>
    <rPh sb="0" eb="3">
      <t>オオサカシ</t>
    </rPh>
    <rPh sb="3" eb="6">
      <t>ヨドガワク</t>
    </rPh>
    <rPh sb="6" eb="8">
      <t>ジュウソウ</t>
    </rPh>
    <rPh sb="8" eb="9">
      <t>ヒガシ</t>
    </rPh>
    <rPh sb="15" eb="17">
      <t>ジュウソウ</t>
    </rPh>
    <rPh sb="17" eb="19">
      <t>エキマエ</t>
    </rPh>
    <rPh sb="19" eb="21">
      <t>イリョウ</t>
    </rPh>
    <rPh sb="24" eb="25">
      <t>カイ</t>
    </rPh>
    <phoneticPr fontId="3"/>
  </si>
  <si>
    <t>大阪市住之江区中加賀屋4－3－26グランドールメゾン１階</t>
    <rPh sb="0" eb="3">
      <t>オオサカシ</t>
    </rPh>
    <rPh sb="3" eb="7">
      <t>スミノエク</t>
    </rPh>
    <rPh sb="7" eb="8">
      <t>ナカ</t>
    </rPh>
    <rPh sb="8" eb="11">
      <t>カガヤ</t>
    </rPh>
    <rPh sb="27" eb="28">
      <t>カイ</t>
    </rPh>
    <phoneticPr fontId="3"/>
  </si>
  <si>
    <t>大阪市住吉区苅田3－6－3パールヒルズニシオ１階</t>
    <rPh sb="0" eb="3">
      <t>オオサカシ</t>
    </rPh>
    <rPh sb="3" eb="6">
      <t>スミヨシク</t>
    </rPh>
    <rPh sb="6" eb="8">
      <t>カリタ</t>
    </rPh>
    <rPh sb="23" eb="24">
      <t>カイ</t>
    </rPh>
    <phoneticPr fontId="3"/>
  </si>
  <si>
    <t>医療法人　晋晃会</t>
    <phoneticPr fontId="3"/>
  </si>
  <si>
    <t>大阪市淀川区十三本町2－1－26十三NLCﾋﾞﾙ5階</t>
    <rPh sb="0" eb="3">
      <t>オオサカシ</t>
    </rPh>
    <rPh sb="3" eb="6">
      <t>ヨドガワク</t>
    </rPh>
    <rPh sb="6" eb="8">
      <t>ジュウソウ</t>
    </rPh>
    <rPh sb="8" eb="10">
      <t>ホンマチ</t>
    </rPh>
    <rPh sb="16" eb="18">
      <t>ジュウソウ</t>
    </rPh>
    <phoneticPr fontId="3"/>
  </si>
  <si>
    <t>大阪市西区北堀江2－2－28ｸﾞﾗﾝﾄﾋﾟｱ西大橋1階</t>
    <rPh sb="0" eb="3">
      <t>オオサカシ</t>
    </rPh>
    <rPh sb="3" eb="5">
      <t>ニシク</t>
    </rPh>
    <rPh sb="5" eb="8">
      <t>キタホリエ</t>
    </rPh>
    <rPh sb="21" eb="23">
      <t>オオハシ</t>
    </rPh>
    <rPh sb="23" eb="25">
      <t>１カイ</t>
    </rPh>
    <phoneticPr fontId="3"/>
  </si>
  <si>
    <t>医療法人　崇督會</t>
    <rPh sb="7" eb="8">
      <t>カイ</t>
    </rPh>
    <phoneticPr fontId="3"/>
  </si>
  <si>
    <t>社会医療法人　明生会</t>
    <rPh sb="0" eb="2">
      <t>シャカイ</t>
    </rPh>
    <phoneticPr fontId="3"/>
  </si>
  <si>
    <t>医療法人　明星会</t>
    <rPh sb="5" eb="7">
      <t>メイセイ</t>
    </rPh>
    <rPh sb="7" eb="8">
      <t>カイ</t>
    </rPh>
    <phoneticPr fontId="3"/>
  </si>
  <si>
    <t>大阪市阿倍野区阿倍野筋1-3-21岸本ビル7階</t>
    <rPh sb="0" eb="3">
      <t>オオサカシ</t>
    </rPh>
    <rPh sb="3" eb="7">
      <t>アベノク</t>
    </rPh>
    <rPh sb="7" eb="11">
      <t>アベノスジ</t>
    </rPh>
    <rPh sb="17" eb="19">
      <t>キシモト</t>
    </rPh>
    <rPh sb="22" eb="23">
      <t>カイ</t>
    </rPh>
    <phoneticPr fontId="3"/>
  </si>
  <si>
    <t>大阪市平野区平野北1－8－2イオンタウン平野2階</t>
    <rPh sb="0" eb="3">
      <t>オオサカシ</t>
    </rPh>
    <rPh sb="3" eb="5">
      <t>ヒラノ</t>
    </rPh>
    <rPh sb="5" eb="6">
      <t>ク</t>
    </rPh>
    <rPh sb="6" eb="8">
      <t>ヒラノ</t>
    </rPh>
    <rPh sb="8" eb="9">
      <t>キタ</t>
    </rPh>
    <rPh sb="20" eb="22">
      <t>ヒラノ</t>
    </rPh>
    <rPh sb="23" eb="24">
      <t>カイ</t>
    </rPh>
    <phoneticPr fontId="3"/>
  </si>
  <si>
    <t>社会医療法人　行岡医学研究会</t>
    <rPh sb="0" eb="2">
      <t>シャカイ</t>
    </rPh>
    <phoneticPr fontId="3"/>
  </si>
  <si>
    <t>大阪市北区梅田2-5-25 ﾊｰﾋﾞｽOSAKA5階</t>
    <phoneticPr fontId="3"/>
  </si>
  <si>
    <t>大阪市北区天神橋6-4-11 S&amp;Yﾋﾞﾙ2Ｆ</t>
    <phoneticPr fontId="3"/>
  </si>
  <si>
    <t>大阪市都島区東野田町2-3-19</t>
    <phoneticPr fontId="3"/>
  </si>
  <si>
    <t xml:space="preserve">大阪市西区立売堀1-2-12 木津ﾋﾞﾙ3Ｆ </t>
    <phoneticPr fontId="3"/>
  </si>
  <si>
    <t>大阪市天王寺区筆ヶ崎町5ｰ52 ｳｪﾙﾗｲﾌ上本町201</t>
    <phoneticPr fontId="3"/>
  </si>
  <si>
    <t>大阪市淀川区十三東2-7-8十三東駅前ビル3階</t>
    <rPh sb="0" eb="3">
      <t>オオサカシ</t>
    </rPh>
    <rPh sb="3" eb="6">
      <t>ヨドガワク</t>
    </rPh>
    <rPh sb="6" eb="8">
      <t>ジュウソウ</t>
    </rPh>
    <rPh sb="8" eb="9">
      <t>ヒガシ</t>
    </rPh>
    <rPh sb="14" eb="17">
      <t>ジュウソウヒガシ</t>
    </rPh>
    <rPh sb="17" eb="18">
      <t>エキ</t>
    </rPh>
    <rPh sb="18" eb="19">
      <t>マエ</t>
    </rPh>
    <rPh sb="22" eb="23">
      <t>カイ</t>
    </rPh>
    <phoneticPr fontId="3"/>
  </si>
  <si>
    <t>大阪市阿倍野区西田辺町1-17-1 ｸﾚﾊﾞｰﾋﾞﾙ3階302号室</t>
    <rPh sb="31" eb="32">
      <t>ゴウ</t>
    </rPh>
    <rPh sb="32" eb="33">
      <t>シツ</t>
    </rPh>
    <phoneticPr fontId="3"/>
  </si>
  <si>
    <t>大阪市阿倍野区旭町1-1-10 竹澤ﾋﾞﾙ5階1号</t>
    <rPh sb="24" eb="25">
      <t>ゴウ</t>
    </rPh>
    <phoneticPr fontId="3"/>
  </si>
  <si>
    <t>大阪市東住吉区駒川5-22-18 ﾋﾞｽ鷹宮2Ｆ</t>
    <phoneticPr fontId="3"/>
  </si>
  <si>
    <t>大阪市平野区長吉出戸4ｰ5-41</t>
    <phoneticPr fontId="3"/>
  </si>
  <si>
    <t>大阪市平野区背戸口1-22-16　ヴェルデ瑞穂壱番館106</t>
    <rPh sb="21" eb="22">
      <t>ズイ</t>
    </rPh>
    <rPh sb="22" eb="23">
      <t>ホ</t>
    </rPh>
    <rPh sb="23" eb="26">
      <t>イチバンカン</t>
    </rPh>
    <phoneticPr fontId="3"/>
  </si>
  <si>
    <t>大阪市平野区平野宮町1-6 ﾒｶﾞﾛｺｰﾌﾟﾋﾗﾉ1号棟1階</t>
    <rPh sb="26" eb="27">
      <t>ゴウ</t>
    </rPh>
    <phoneticPr fontId="3"/>
  </si>
  <si>
    <t>医療法人　愛光会日野クリニック</t>
    <phoneticPr fontId="3"/>
  </si>
  <si>
    <t>医療法人　伯德会</t>
    <phoneticPr fontId="3"/>
  </si>
  <si>
    <t>大阪市浪速区幸町3-8-18</t>
    <rPh sb="0" eb="3">
      <t>オオサカシ</t>
    </rPh>
    <rPh sb="3" eb="6">
      <t>ナニワク</t>
    </rPh>
    <rPh sb="6" eb="8">
      <t>サイワイチョウ</t>
    </rPh>
    <phoneticPr fontId="3"/>
  </si>
  <si>
    <t>医療法人　孝尽会</t>
    <rPh sb="5" eb="6">
      <t>タカシ</t>
    </rPh>
    <rPh sb="6" eb="7">
      <t>ジン</t>
    </rPh>
    <rPh sb="7" eb="8">
      <t>カイ</t>
    </rPh>
    <phoneticPr fontId="3"/>
  </si>
  <si>
    <t>大阪市中央区備後町2-4-6</t>
    <rPh sb="3" eb="6">
      <t>チュウオウク</t>
    </rPh>
    <rPh sb="6" eb="9">
      <t>ビンゴチョウ</t>
    </rPh>
    <phoneticPr fontId="3"/>
  </si>
  <si>
    <t>医療法人　恵和会</t>
    <rPh sb="5" eb="6">
      <t>メグム</t>
    </rPh>
    <rPh sb="6" eb="7">
      <t>ワ</t>
    </rPh>
    <rPh sb="7" eb="8">
      <t>カイ</t>
    </rPh>
    <phoneticPr fontId="3"/>
  </si>
  <si>
    <t>大阪市北区本庄東1-21-16</t>
    <rPh sb="3" eb="5">
      <t>キタク</t>
    </rPh>
    <rPh sb="5" eb="7">
      <t>ホンジョウ</t>
    </rPh>
    <rPh sb="7" eb="8">
      <t>ヒガシ</t>
    </rPh>
    <phoneticPr fontId="3"/>
  </si>
  <si>
    <t>医療法人　河野医院</t>
    <phoneticPr fontId="3"/>
  </si>
  <si>
    <t>大阪市大正区千島3-14-19　1階</t>
    <rPh sb="17" eb="18">
      <t>カイ</t>
    </rPh>
    <phoneticPr fontId="3"/>
  </si>
  <si>
    <t>医療法人　九間クリニック</t>
    <phoneticPr fontId="3"/>
  </si>
  <si>
    <t>大阪市西区大阪市西区江之子島1-1-9-707</t>
    <phoneticPr fontId="3"/>
  </si>
  <si>
    <t>大阪市旭区大宮3-11-6</t>
    <phoneticPr fontId="3"/>
  </si>
  <si>
    <t>大阪市東成区東小橋3-17-1　大阪福助社2階</t>
    <phoneticPr fontId="3"/>
  </si>
  <si>
    <t>大阪市住之江区中加賀屋3-2-3</t>
    <phoneticPr fontId="3"/>
  </si>
  <si>
    <t>大阪市住之江区中加賀屋三丁目2番3号プイム加賀屋２A)</t>
    <phoneticPr fontId="3"/>
  </si>
  <si>
    <t>医療法人　社団太隆会</t>
    <rPh sb="5" eb="7">
      <t>シャダン</t>
    </rPh>
    <rPh sb="7" eb="8">
      <t>フトシ</t>
    </rPh>
    <rPh sb="8" eb="9">
      <t>タカシ</t>
    </rPh>
    <rPh sb="9" eb="10">
      <t>カイ</t>
    </rPh>
    <phoneticPr fontId="3"/>
  </si>
  <si>
    <t>大阪市西淀川区柏里3-3-6</t>
    <rPh sb="0" eb="3">
      <t>オオサカシ</t>
    </rPh>
    <rPh sb="3" eb="7">
      <t>ニシヨドガワク</t>
    </rPh>
    <rPh sb="7" eb="9">
      <t>カシワザト</t>
    </rPh>
    <phoneticPr fontId="3"/>
  </si>
  <si>
    <t>医療法人　一縁会</t>
    <rPh sb="5" eb="6">
      <t>イチ</t>
    </rPh>
    <rPh sb="6" eb="7">
      <t>エン</t>
    </rPh>
    <rPh sb="7" eb="8">
      <t>カイ</t>
    </rPh>
    <phoneticPr fontId="3"/>
  </si>
  <si>
    <t>大阪市旭区森小路2-17-15エレガントヒルズ1階101号室</t>
    <rPh sb="0" eb="3">
      <t>オオサカシ</t>
    </rPh>
    <rPh sb="3" eb="5">
      <t>アサヒク</t>
    </rPh>
    <rPh sb="5" eb="8">
      <t>モリショウジ</t>
    </rPh>
    <rPh sb="24" eb="25">
      <t>カイ</t>
    </rPh>
    <rPh sb="28" eb="30">
      <t>ゴウシツ</t>
    </rPh>
    <phoneticPr fontId="3"/>
  </si>
  <si>
    <t>医療法人　柳田内科</t>
    <rPh sb="5" eb="7">
      <t>ヤナギダ</t>
    </rPh>
    <rPh sb="7" eb="9">
      <t>ナイカ</t>
    </rPh>
    <phoneticPr fontId="3"/>
  </si>
  <si>
    <t>医療法人　愛香会</t>
    <rPh sb="0" eb="2">
      <t>イリョウ</t>
    </rPh>
    <rPh sb="2" eb="4">
      <t>ホウジン</t>
    </rPh>
    <rPh sb="5" eb="6">
      <t>アイ</t>
    </rPh>
    <rPh sb="6" eb="7">
      <t>カ</t>
    </rPh>
    <rPh sb="7" eb="8">
      <t>カイ</t>
    </rPh>
    <phoneticPr fontId="3"/>
  </si>
  <si>
    <t>大阪市城東区鴫野西1-12-12</t>
    <phoneticPr fontId="3"/>
  </si>
  <si>
    <t>医療法人　奏仁会</t>
    <rPh sb="0" eb="2">
      <t>イリョウ</t>
    </rPh>
    <rPh sb="2" eb="4">
      <t>ホウジン</t>
    </rPh>
    <rPh sb="5" eb="6">
      <t>ソウ</t>
    </rPh>
    <rPh sb="6" eb="7">
      <t>ヒトシ</t>
    </rPh>
    <rPh sb="7" eb="8">
      <t>カイ</t>
    </rPh>
    <phoneticPr fontId="3"/>
  </si>
  <si>
    <t>医療法人　英仁会</t>
    <rPh sb="0" eb="2">
      <t>イリョウ</t>
    </rPh>
    <rPh sb="2" eb="4">
      <t>ホウジン</t>
    </rPh>
    <rPh sb="5" eb="6">
      <t>エイ</t>
    </rPh>
    <rPh sb="6" eb="7">
      <t>ジン</t>
    </rPh>
    <rPh sb="7" eb="8">
      <t>カイ</t>
    </rPh>
    <phoneticPr fontId="3"/>
  </si>
  <si>
    <t>医療法人　前田眼科</t>
    <rPh sb="0" eb="2">
      <t>イリョウ</t>
    </rPh>
    <rPh sb="2" eb="4">
      <t>ホウジン</t>
    </rPh>
    <rPh sb="5" eb="7">
      <t>マエダ</t>
    </rPh>
    <rPh sb="7" eb="9">
      <t>ガンカ</t>
    </rPh>
    <phoneticPr fontId="3"/>
  </si>
  <si>
    <t>医療法人　二村耳鼻咽喉科</t>
    <rPh sb="0" eb="2">
      <t>イリョウ</t>
    </rPh>
    <rPh sb="2" eb="4">
      <t>ホウジン</t>
    </rPh>
    <rPh sb="5" eb="7">
      <t>ニムラ</t>
    </rPh>
    <rPh sb="7" eb="9">
      <t>ジビ</t>
    </rPh>
    <rPh sb="9" eb="11">
      <t>インコウ</t>
    </rPh>
    <rPh sb="11" eb="12">
      <t>カ</t>
    </rPh>
    <phoneticPr fontId="3"/>
  </si>
  <si>
    <t>医療法人　みんと会</t>
    <rPh sb="0" eb="2">
      <t>イリョウ</t>
    </rPh>
    <rPh sb="2" eb="4">
      <t>ホウジン</t>
    </rPh>
    <rPh sb="8" eb="9">
      <t>カイ</t>
    </rPh>
    <phoneticPr fontId="3"/>
  </si>
  <si>
    <t>医療法人　しまもとクリニック</t>
    <rPh sb="0" eb="2">
      <t>イリョウ</t>
    </rPh>
    <rPh sb="2" eb="4">
      <t>ホウジン</t>
    </rPh>
    <phoneticPr fontId="3"/>
  </si>
  <si>
    <t>医療法人　万代会</t>
    <rPh sb="0" eb="2">
      <t>イリョウ</t>
    </rPh>
    <rPh sb="2" eb="4">
      <t>ホウジン</t>
    </rPh>
    <rPh sb="5" eb="7">
      <t>バンダイ</t>
    </rPh>
    <rPh sb="7" eb="8">
      <t>カイ</t>
    </rPh>
    <phoneticPr fontId="3"/>
  </si>
  <si>
    <t>医療法人　快裕会</t>
    <rPh sb="0" eb="2">
      <t>イリョウ</t>
    </rPh>
    <rPh sb="2" eb="4">
      <t>ホウジン</t>
    </rPh>
    <rPh sb="5" eb="6">
      <t>カイ</t>
    </rPh>
    <rPh sb="6" eb="7">
      <t>ユウ</t>
    </rPh>
    <rPh sb="7" eb="8">
      <t>カイ</t>
    </rPh>
    <phoneticPr fontId="3"/>
  </si>
  <si>
    <t>医療法人　つつみ眼科</t>
    <rPh sb="0" eb="2">
      <t>イリョウ</t>
    </rPh>
    <rPh sb="2" eb="4">
      <t>ホウジン</t>
    </rPh>
    <rPh sb="8" eb="10">
      <t>ガンカ</t>
    </rPh>
    <phoneticPr fontId="3"/>
  </si>
  <si>
    <t>大阪市中央区内本町1-1-1 OCTビル１階</t>
    <rPh sb="0" eb="2">
      <t>オオサカ</t>
    </rPh>
    <rPh sb="2" eb="3">
      <t>シ</t>
    </rPh>
    <rPh sb="3" eb="6">
      <t>チュウオウク</t>
    </rPh>
    <rPh sb="6" eb="7">
      <t>ウチ</t>
    </rPh>
    <rPh sb="7" eb="9">
      <t>ホンマチ</t>
    </rPh>
    <rPh sb="21" eb="22">
      <t>カイ</t>
    </rPh>
    <phoneticPr fontId="3"/>
  </si>
  <si>
    <t>大阪市城東区野江4-10-22</t>
    <rPh sb="0" eb="2">
      <t>オオサカ</t>
    </rPh>
    <rPh sb="2" eb="3">
      <t>シ</t>
    </rPh>
    <rPh sb="3" eb="5">
      <t>ジョウトウ</t>
    </rPh>
    <rPh sb="5" eb="6">
      <t>ク</t>
    </rPh>
    <rPh sb="6" eb="8">
      <t>ノエ</t>
    </rPh>
    <phoneticPr fontId="3"/>
  </si>
  <si>
    <t>大阪市阿倍野区昭和町5-12-16グレースコートシーダーバレーⅢ２階</t>
    <rPh sb="0" eb="2">
      <t>オオサカ</t>
    </rPh>
    <rPh sb="2" eb="3">
      <t>シ</t>
    </rPh>
    <rPh sb="3" eb="7">
      <t>アベノク</t>
    </rPh>
    <rPh sb="7" eb="10">
      <t>ショウワチョウ</t>
    </rPh>
    <rPh sb="33" eb="34">
      <t>カイ</t>
    </rPh>
    <phoneticPr fontId="3"/>
  </si>
  <si>
    <t>大阪市城東区中浜3-24-7M＆Cビル２階</t>
    <rPh sb="0" eb="2">
      <t>オオサカ</t>
    </rPh>
    <rPh sb="2" eb="3">
      <t>シ</t>
    </rPh>
    <rPh sb="3" eb="6">
      <t>ジョウトウク</t>
    </rPh>
    <rPh sb="6" eb="8">
      <t>ナカハマ</t>
    </rPh>
    <rPh sb="20" eb="21">
      <t>カイ</t>
    </rPh>
    <phoneticPr fontId="3"/>
  </si>
  <si>
    <t>大阪市中央区松屋町9-1セントラルフォーラム松屋町ビル５階</t>
    <rPh sb="0" eb="2">
      <t>オオサカ</t>
    </rPh>
    <rPh sb="2" eb="3">
      <t>シ</t>
    </rPh>
    <rPh sb="3" eb="6">
      <t>チュウオウク</t>
    </rPh>
    <rPh sb="6" eb="9">
      <t>マツヤマチ</t>
    </rPh>
    <rPh sb="22" eb="23">
      <t>マツ</t>
    </rPh>
    <rPh sb="28" eb="29">
      <t>カイ</t>
    </rPh>
    <phoneticPr fontId="3"/>
  </si>
  <si>
    <t>大阪市大正区千島3-11-4</t>
    <rPh sb="0" eb="2">
      <t>オオサカ</t>
    </rPh>
    <rPh sb="2" eb="3">
      <t>シ</t>
    </rPh>
    <rPh sb="3" eb="5">
      <t>タイショウ</t>
    </rPh>
    <rPh sb="5" eb="6">
      <t>ク</t>
    </rPh>
    <rPh sb="6" eb="8">
      <t>チシマ</t>
    </rPh>
    <phoneticPr fontId="3"/>
  </si>
  <si>
    <t>大阪市大正区三軒家西2-18-5邦明会ビル４F</t>
    <rPh sb="0" eb="2">
      <t>オオサカ</t>
    </rPh>
    <rPh sb="2" eb="3">
      <t>シ</t>
    </rPh>
    <rPh sb="3" eb="5">
      <t>タイショウ</t>
    </rPh>
    <rPh sb="5" eb="6">
      <t>ク</t>
    </rPh>
    <rPh sb="6" eb="9">
      <t>サンゲンヤ</t>
    </rPh>
    <rPh sb="9" eb="10">
      <t>ニシ</t>
    </rPh>
    <rPh sb="16" eb="17">
      <t>ホウ</t>
    </rPh>
    <rPh sb="17" eb="18">
      <t>メイ</t>
    </rPh>
    <rPh sb="18" eb="19">
      <t>カイ</t>
    </rPh>
    <phoneticPr fontId="3"/>
  </si>
  <si>
    <t>大阪市阿倍野区松崎町2-9-5セレスタ阿倍野松崎103号</t>
    <rPh sb="0" eb="2">
      <t>オオサカ</t>
    </rPh>
    <rPh sb="2" eb="3">
      <t>シ</t>
    </rPh>
    <rPh sb="3" eb="7">
      <t>アベノク</t>
    </rPh>
    <rPh sb="7" eb="9">
      <t>マツザキ</t>
    </rPh>
    <rPh sb="9" eb="10">
      <t>マチ</t>
    </rPh>
    <rPh sb="19" eb="22">
      <t>アベノ</t>
    </rPh>
    <rPh sb="22" eb="24">
      <t>マツザキ</t>
    </rPh>
    <rPh sb="27" eb="28">
      <t>ゴウ</t>
    </rPh>
    <phoneticPr fontId="3"/>
  </si>
  <si>
    <t>大阪市中央区北浜3-1-21松崎ビル2階</t>
    <rPh sb="0" eb="2">
      <t>オオサカ</t>
    </rPh>
    <rPh sb="2" eb="3">
      <t>シ</t>
    </rPh>
    <rPh sb="3" eb="6">
      <t>チュウオウク</t>
    </rPh>
    <rPh sb="6" eb="8">
      <t>キタハマ</t>
    </rPh>
    <rPh sb="14" eb="16">
      <t>マツザキ</t>
    </rPh>
    <rPh sb="19" eb="20">
      <t>カイ</t>
    </rPh>
    <phoneticPr fontId="3"/>
  </si>
  <si>
    <t>大阪市生野区生野西4-21-10</t>
    <rPh sb="0" eb="2">
      <t>オオサカ</t>
    </rPh>
    <rPh sb="2" eb="3">
      <t>シ</t>
    </rPh>
    <rPh sb="3" eb="5">
      <t>イクノ</t>
    </rPh>
    <rPh sb="5" eb="6">
      <t>ク</t>
    </rPh>
    <rPh sb="6" eb="8">
      <t>イクノ</t>
    </rPh>
    <rPh sb="8" eb="9">
      <t>ニシ</t>
    </rPh>
    <phoneticPr fontId="3"/>
  </si>
  <si>
    <t>医療法人　高折医院</t>
    <rPh sb="5" eb="6">
      <t>タカ</t>
    </rPh>
    <phoneticPr fontId="3"/>
  </si>
  <si>
    <t>医療法人　聚洸会</t>
    <phoneticPr fontId="3"/>
  </si>
  <si>
    <t>社会医療法人　三宝会</t>
    <rPh sb="0" eb="2">
      <t>シャカイ</t>
    </rPh>
    <phoneticPr fontId="3"/>
  </si>
  <si>
    <t>医療法人　中野会</t>
    <rPh sb="0" eb="2">
      <t>イリョウ</t>
    </rPh>
    <rPh sb="2" eb="4">
      <t>ホウジン</t>
    </rPh>
    <rPh sb="5" eb="7">
      <t>ナカノ</t>
    </rPh>
    <rPh sb="7" eb="8">
      <t>カイ</t>
    </rPh>
    <phoneticPr fontId="3"/>
  </si>
  <si>
    <t>大阪市天王寺区悲田院町9-20阿倍野橋ﾋﾞﾙ4階</t>
    <rPh sb="0" eb="3">
      <t>オオサカシ</t>
    </rPh>
    <rPh sb="3" eb="7">
      <t>テンノウジク</t>
    </rPh>
    <rPh sb="7" eb="11">
      <t>ヒデンインチョウ</t>
    </rPh>
    <rPh sb="15" eb="18">
      <t>アベノ</t>
    </rPh>
    <rPh sb="18" eb="19">
      <t>ハシ</t>
    </rPh>
    <rPh sb="23" eb="24">
      <t>カイ</t>
    </rPh>
    <phoneticPr fontId="3"/>
  </si>
  <si>
    <t>大阪市阿倍野区西田辺町1-1-20 ジョイ・コート家七D-1</t>
    <rPh sb="25" eb="26">
      <t>イエ</t>
    </rPh>
    <rPh sb="26" eb="27">
      <t>７</t>
    </rPh>
    <phoneticPr fontId="3"/>
  </si>
  <si>
    <t>医療法人　佐々木歯科医院</t>
    <phoneticPr fontId="3"/>
  </si>
  <si>
    <t>医療法人　川上クリニック</t>
    <phoneticPr fontId="3"/>
  </si>
  <si>
    <t>医療法人　TS会</t>
    <rPh sb="7" eb="8">
      <t>カイ</t>
    </rPh>
    <phoneticPr fontId="3"/>
  </si>
  <si>
    <t>大阪市中央区難波2-1-2 太陽生命難波ﾋﾞﾙ6階</t>
    <phoneticPr fontId="3"/>
  </si>
  <si>
    <t>大阪市北区梅田2-6-20</t>
    <phoneticPr fontId="3"/>
  </si>
  <si>
    <t>大阪市北区茶屋町2-19 ＪＰＲ茶屋町ﾋﾞﾙ4階</t>
    <rPh sb="16" eb="19">
      <t>チャヤマチ</t>
    </rPh>
    <phoneticPr fontId="3"/>
  </si>
  <si>
    <t>医療法人　恩地耳鼻咽喉科</t>
    <phoneticPr fontId="3"/>
  </si>
  <si>
    <t>医療法人　桜翠会</t>
    <rPh sb="0" eb="2">
      <t>イリョウ</t>
    </rPh>
    <rPh sb="2" eb="4">
      <t>ホウジン</t>
    </rPh>
    <rPh sb="5" eb="6">
      <t>サクラ</t>
    </rPh>
    <rPh sb="6" eb="7">
      <t>ミドリ</t>
    </rPh>
    <rPh sb="7" eb="8">
      <t>カイ</t>
    </rPh>
    <phoneticPr fontId="3"/>
  </si>
  <si>
    <t>大阪市此花区伝法6-5-8-100 ｸﾞﾚｲｽ伝法1階B号室</t>
    <rPh sb="28" eb="29">
      <t>ゴウ</t>
    </rPh>
    <phoneticPr fontId="3"/>
  </si>
  <si>
    <t>大阪市都島区都島南通2-4-8</t>
    <rPh sb="0" eb="3">
      <t>オオサカシ</t>
    </rPh>
    <rPh sb="3" eb="6">
      <t>ミヤコジマク</t>
    </rPh>
    <rPh sb="6" eb="8">
      <t>ミヤコジマ</t>
    </rPh>
    <rPh sb="8" eb="9">
      <t>ミナミ</t>
    </rPh>
    <rPh sb="9" eb="10">
      <t>トオ</t>
    </rPh>
    <phoneticPr fontId="3"/>
  </si>
  <si>
    <t>大阪市西淀川区大和田5-1-12 大和田ﾊﾟｰｸﾏﾝｼｮﾝ1階101</t>
    <rPh sb="7" eb="10">
      <t>オオワダ</t>
    </rPh>
    <rPh sb="17" eb="20">
      <t>オオワダ</t>
    </rPh>
    <rPh sb="30" eb="31">
      <t>カイ</t>
    </rPh>
    <phoneticPr fontId="3"/>
  </si>
  <si>
    <t>大阪市淀川区塚本2-24-8</t>
    <phoneticPr fontId="3"/>
  </si>
  <si>
    <t>大阪市淀川区西宮原3-3-3 ﾌｧﾐｰﾙﾊｲﾂ北大阪3号棟101</t>
    <rPh sb="27" eb="28">
      <t>ゴウ</t>
    </rPh>
    <phoneticPr fontId="3"/>
  </si>
  <si>
    <t>大阪市淀川区西宮原2-7-45 ﾌﾙｰﾚ第2新大阪102号室</t>
    <rPh sb="3" eb="6">
      <t>ヨドガワク</t>
    </rPh>
    <rPh sb="6" eb="7">
      <t>ニシ</t>
    </rPh>
    <rPh sb="7" eb="9">
      <t>ミヤハラ</t>
    </rPh>
    <rPh sb="28" eb="29">
      <t>ゴウ</t>
    </rPh>
    <rPh sb="29" eb="30">
      <t>シツ</t>
    </rPh>
    <phoneticPr fontId="3"/>
  </si>
  <si>
    <t>大阪市東淀川区菅原7-1-19 ｺｰﾄ淡路102号室</t>
    <rPh sb="24" eb="25">
      <t>ゴウ</t>
    </rPh>
    <rPh sb="25" eb="26">
      <t>シツ</t>
    </rPh>
    <phoneticPr fontId="3"/>
  </si>
  <si>
    <t>大阪市阿倍野区阪南町5-23-15　101号室</t>
    <rPh sb="0" eb="3">
      <t>オオサカシ</t>
    </rPh>
    <rPh sb="3" eb="7">
      <t>アベノク</t>
    </rPh>
    <rPh sb="7" eb="8">
      <t>ハン</t>
    </rPh>
    <rPh sb="8" eb="9">
      <t>ミナミ</t>
    </rPh>
    <rPh sb="9" eb="10">
      <t>マチ</t>
    </rPh>
    <rPh sb="21" eb="23">
      <t>ゴウシツ</t>
    </rPh>
    <phoneticPr fontId="3"/>
  </si>
  <si>
    <t>大阪市港区波除3-7-12スカイアット弁天</t>
    <rPh sb="19" eb="21">
      <t>ベンテン</t>
    </rPh>
    <phoneticPr fontId="3"/>
  </si>
  <si>
    <t>医療法人　健港会なみよけ歯科医院</t>
    <rPh sb="5" eb="6">
      <t>ケン</t>
    </rPh>
    <rPh sb="6" eb="7">
      <t>ミナト</t>
    </rPh>
    <rPh sb="7" eb="8">
      <t>カイ</t>
    </rPh>
    <rPh sb="12" eb="14">
      <t>シカ</t>
    </rPh>
    <phoneticPr fontId="3"/>
  </si>
  <si>
    <t>医療法人　誠栄会整形外科葉山クリニック</t>
    <rPh sb="0" eb="2">
      <t>イリョウ</t>
    </rPh>
    <rPh sb="2" eb="4">
      <t>ホウジン</t>
    </rPh>
    <rPh sb="5" eb="6">
      <t>マコト</t>
    </rPh>
    <rPh sb="6" eb="7">
      <t>サカエ</t>
    </rPh>
    <rPh sb="7" eb="8">
      <t>カイ</t>
    </rPh>
    <rPh sb="8" eb="10">
      <t>セイケイ</t>
    </rPh>
    <rPh sb="10" eb="12">
      <t>ゲカ</t>
    </rPh>
    <rPh sb="12" eb="14">
      <t>ハヤマ</t>
    </rPh>
    <phoneticPr fontId="3"/>
  </si>
  <si>
    <t>大阪市平野区喜連東2-1-46</t>
    <phoneticPr fontId="3"/>
  </si>
  <si>
    <t>大阪市淀川区十三東4-3-41</t>
    <phoneticPr fontId="3"/>
  </si>
  <si>
    <t>医療法人　きど内科・小児科クリニック</t>
    <rPh sb="0" eb="2">
      <t>イリョウ</t>
    </rPh>
    <rPh sb="2" eb="4">
      <t>ホウジン</t>
    </rPh>
    <rPh sb="7" eb="9">
      <t>ナイカ</t>
    </rPh>
    <rPh sb="10" eb="13">
      <t>ショウニカ</t>
    </rPh>
    <phoneticPr fontId="3"/>
  </si>
  <si>
    <t>医療法人　美龍会</t>
    <rPh sb="5" eb="6">
      <t>ビ</t>
    </rPh>
    <rPh sb="6" eb="7">
      <t>リュウ</t>
    </rPh>
    <rPh sb="7" eb="8">
      <t>カイ</t>
    </rPh>
    <phoneticPr fontId="6"/>
  </si>
  <si>
    <t>医療法人　北山内科クリニック</t>
    <phoneticPr fontId="3"/>
  </si>
  <si>
    <t>医療法人　誠貴会</t>
    <rPh sb="5" eb="7">
      <t>セイキ</t>
    </rPh>
    <rPh sb="7" eb="8">
      <t>カイ</t>
    </rPh>
    <phoneticPr fontId="6"/>
  </si>
  <si>
    <t>医療法人　フラウエン</t>
    <phoneticPr fontId="3"/>
  </si>
  <si>
    <t>医療法人　真医会</t>
    <rPh sb="5" eb="6">
      <t>シン</t>
    </rPh>
    <rPh sb="6" eb="7">
      <t>イ</t>
    </rPh>
    <rPh sb="7" eb="8">
      <t>カイ</t>
    </rPh>
    <phoneticPr fontId="6"/>
  </si>
  <si>
    <t>医療法人　愛葉会</t>
    <rPh sb="5" eb="6">
      <t>アイ</t>
    </rPh>
    <rPh sb="6" eb="7">
      <t>バ</t>
    </rPh>
    <rPh sb="7" eb="8">
      <t>カイ</t>
    </rPh>
    <phoneticPr fontId="6"/>
  </si>
  <si>
    <t>医療法人　優凛会</t>
    <rPh sb="5" eb="6">
      <t>ユウ</t>
    </rPh>
    <rPh sb="6" eb="7">
      <t>リン</t>
    </rPh>
    <rPh sb="7" eb="8">
      <t>カイ</t>
    </rPh>
    <phoneticPr fontId="6"/>
  </si>
  <si>
    <t>医療法人　佳寿会</t>
    <rPh sb="5" eb="7">
      <t>ケイジュ</t>
    </rPh>
    <rPh sb="7" eb="8">
      <t>カイ</t>
    </rPh>
    <phoneticPr fontId="6"/>
  </si>
  <si>
    <t>医療法人　あかつき会</t>
    <rPh sb="9" eb="10">
      <t>カイ</t>
    </rPh>
    <phoneticPr fontId="6"/>
  </si>
  <si>
    <t>医療法人　とき皮膚科整形外科医院</t>
    <phoneticPr fontId="3"/>
  </si>
  <si>
    <t>医療法人　大英診療所</t>
    <rPh sb="5" eb="6">
      <t>ダイ</t>
    </rPh>
    <rPh sb="6" eb="7">
      <t>エイ</t>
    </rPh>
    <phoneticPr fontId="6"/>
  </si>
  <si>
    <t>医療法人　たかせクリニック</t>
    <phoneticPr fontId="3"/>
  </si>
  <si>
    <t>医療法人　元仁会</t>
    <rPh sb="5" eb="6">
      <t>ゲン</t>
    </rPh>
    <rPh sb="6" eb="7">
      <t>ジン</t>
    </rPh>
    <phoneticPr fontId="6"/>
  </si>
  <si>
    <t>医療法人　慈洋会</t>
    <rPh sb="5" eb="7">
      <t>ジヨウ</t>
    </rPh>
    <phoneticPr fontId="6"/>
  </si>
  <si>
    <t>医療法人　真山会</t>
    <rPh sb="5" eb="6">
      <t>シン</t>
    </rPh>
    <rPh sb="6" eb="7">
      <t>ザン</t>
    </rPh>
    <phoneticPr fontId="6"/>
  </si>
  <si>
    <t>医療法人　はるなクリニック</t>
    <phoneticPr fontId="3"/>
  </si>
  <si>
    <t>医療法人　南川整形外科</t>
    <phoneticPr fontId="3"/>
  </si>
  <si>
    <t>医療法人　やべ形成外科クリニック</t>
    <rPh sb="7" eb="9">
      <t>ケイセイ</t>
    </rPh>
    <rPh sb="9" eb="11">
      <t>ゲカ</t>
    </rPh>
    <phoneticPr fontId="6"/>
  </si>
  <si>
    <t>医療法人　ＮＴ鶴見クリニック</t>
    <rPh sb="7" eb="9">
      <t>ツルミ</t>
    </rPh>
    <phoneticPr fontId="6"/>
  </si>
  <si>
    <t>医療法人　景福会</t>
    <rPh sb="5" eb="6">
      <t>ケイ</t>
    </rPh>
    <rPh sb="6" eb="7">
      <t>フク</t>
    </rPh>
    <phoneticPr fontId="6"/>
  </si>
  <si>
    <t>医療法人　日野医院</t>
    <phoneticPr fontId="3"/>
  </si>
  <si>
    <t>医療法人　ケイ・レディースクリニック</t>
    <phoneticPr fontId="3"/>
  </si>
  <si>
    <t>医療法人　なんば坂本外科クリニック</t>
    <rPh sb="8" eb="10">
      <t>サカモト</t>
    </rPh>
    <rPh sb="10" eb="12">
      <t>ゲカ</t>
    </rPh>
    <phoneticPr fontId="6"/>
  </si>
  <si>
    <t>大阪市中央区安堂寺町二丁目６番３号　アイズワンⅢ　２階</t>
    <rPh sb="0" eb="3">
      <t>オオサカシ</t>
    </rPh>
    <rPh sb="3" eb="6">
      <t>チュウオウク</t>
    </rPh>
    <rPh sb="6" eb="10">
      <t>アンドウジチョウ</t>
    </rPh>
    <rPh sb="10" eb="11">
      <t>ニ</t>
    </rPh>
    <rPh sb="11" eb="12">
      <t>チョウ</t>
    </rPh>
    <rPh sb="12" eb="13">
      <t>メ</t>
    </rPh>
    <rPh sb="14" eb="15">
      <t>バン</t>
    </rPh>
    <rPh sb="16" eb="17">
      <t>ゴウ</t>
    </rPh>
    <rPh sb="26" eb="27">
      <t>カイ</t>
    </rPh>
    <phoneticPr fontId="7"/>
  </si>
  <si>
    <t>大阪市城東区野江３丁目２７番３０号</t>
    <rPh sb="0" eb="3">
      <t>オオサカシ</t>
    </rPh>
    <rPh sb="13" eb="14">
      <t>バン</t>
    </rPh>
    <rPh sb="16" eb="17">
      <t>ゴウ</t>
    </rPh>
    <phoneticPr fontId="7"/>
  </si>
  <si>
    <t>大阪市天王寺区玉造元町３番９号　八光玉造ビル１階</t>
    <rPh sb="0" eb="3">
      <t>オオサカシ</t>
    </rPh>
    <rPh sb="3" eb="6">
      <t>テンノウジ</t>
    </rPh>
    <rPh sb="6" eb="7">
      <t>ク</t>
    </rPh>
    <rPh sb="7" eb="9">
      <t>タマツクリ</t>
    </rPh>
    <rPh sb="9" eb="11">
      <t>モトマチ</t>
    </rPh>
    <rPh sb="12" eb="13">
      <t>バン</t>
    </rPh>
    <rPh sb="14" eb="15">
      <t>ゴウ</t>
    </rPh>
    <rPh sb="16" eb="17">
      <t>ハチ</t>
    </rPh>
    <rPh sb="17" eb="18">
      <t>ヒカリ</t>
    </rPh>
    <rPh sb="18" eb="20">
      <t>タマツクリ</t>
    </rPh>
    <rPh sb="23" eb="24">
      <t>カイ</t>
    </rPh>
    <phoneticPr fontId="7"/>
  </si>
  <si>
    <t>大阪市中央区石町一丁目１番１号　天満橋千代田ビル２号館２階</t>
    <rPh sb="0" eb="3">
      <t>オオサカシ</t>
    </rPh>
    <rPh sb="8" eb="9">
      <t>イチ</t>
    </rPh>
    <rPh sb="9" eb="11">
      <t>チョウメ</t>
    </rPh>
    <rPh sb="12" eb="13">
      <t>バン</t>
    </rPh>
    <rPh sb="14" eb="15">
      <t>ゴウ</t>
    </rPh>
    <rPh sb="16" eb="18">
      <t>テンマ</t>
    </rPh>
    <rPh sb="18" eb="19">
      <t>バシ</t>
    </rPh>
    <rPh sb="19" eb="22">
      <t>チヨダ</t>
    </rPh>
    <rPh sb="25" eb="27">
      <t>ゴウカン</t>
    </rPh>
    <rPh sb="28" eb="29">
      <t>カイ</t>
    </rPh>
    <phoneticPr fontId="7"/>
  </si>
  <si>
    <t xml:space="preserve">大阪市浪速区難波中一丁目６番１－１０１号 </t>
    <rPh sb="0" eb="3">
      <t>オオサカシ</t>
    </rPh>
    <rPh sb="9" eb="10">
      <t>イチ</t>
    </rPh>
    <rPh sb="13" eb="14">
      <t>バン</t>
    </rPh>
    <rPh sb="19" eb="20">
      <t>ゴウ</t>
    </rPh>
    <phoneticPr fontId="7"/>
  </si>
  <si>
    <t>大阪市淀川区三津屋北一丁目３６番６号</t>
    <rPh sb="0" eb="3">
      <t>オオサカシ</t>
    </rPh>
    <rPh sb="3" eb="6">
      <t>ヨドガワク</t>
    </rPh>
    <rPh sb="6" eb="7">
      <t>サン</t>
    </rPh>
    <rPh sb="7" eb="8">
      <t>ツ</t>
    </rPh>
    <rPh sb="8" eb="9">
      <t>ヤ</t>
    </rPh>
    <rPh sb="9" eb="10">
      <t>キタ</t>
    </rPh>
    <rPh sb="10" eb="11">
      <t>イチ</t>
    </rPh>
    <rPh sb="11" eb="13">
      <t>チョウメ</t>
    </rPh>
    <rPh sb="15" eb="16">
      <t>バン</t>
    </rPh>
    <rPh sb="17" eb="18">
      <t>ゴウ</t>
    </rPh>
    <phoneticPr fontId="6"/>
  </si>
  <si>
    <t>大阪市東成区大今里西一丁目２６番５号　ロハスプラザ今里２０２</t>
    <rPh sb="0" eb="3">
      <t>オオサカシ</t>
    </rPh>
    <rPh sb="3" eb="6">
      <t>ヒガシナリク</t>
    </rPh>
    <rPh sb="6" eb="7">
      <t>オオ</t>
    </rPh>
    <rPh sb="7" eb="9">
      <t>イマザト</t>
    </rPh>
    <rPh sb="9" eb="10">
      <t>ニシ</t>
    </rPh>
    <rPh sb="10" eb="11">
      <t>イチ</t>
    </rPh>
    <rPh sb="11" eb="13">
      <t>チョウメ</t>
    </rPh>
    <rPh sb="15" eb="16">
      <t>バン</t>
    </rPh>
    <rPh sb="17" eb="18">
      <t>ゴウ</t>
    </rPh>
    <rPh sb="25" eb="27">
      <t>イマザト</t>
    </rPh>
    <phoneticPr fontId="6"/>
  </si>
  <si>
    <t>大阪市住之江区南加賀屋三丁目２番１８号　多田メディカル２階</t>
    <rPh sb="0" eb="3">
      <t>オオサカシ</t>
    </rPh>
    <rPh sb="3" eb="7">
      <t>スミノエク</t>
    </rPh>
    <rPh sb="11" eb="12">
      <t>サン</t>
    </rPh>
    <rPh sb="12" eb="14">
      <t>チョウメ</t>
    </rPh>
    <rPh sb="15" eb="16">
      <t>バン</t>
    </rPh>
    <rPh sb="18" eb="19">
      <t>ゴウ</t>
    </rPh>
    <rPh sb="20" eb="22">
      <t>タダ</t>
    </rPh>
    <rPh sb="28" eb="29">
      <t>カイ</t>
    </rPh>
    <phoneticPr fontId="6"/>
  </si>
  <si>
    <t>大阪市北区太融寺町5番13号　東梅田パークビル６階</t>
    <rPh sb="0" eb="3">
      <t>オオサカシ</t>
    </rPh>
    <rPh sb="3" eb="5">
      <t>キタク</t>
    </rPh>
    <rPh sb="5" eb="6">
      <t>フト</t>
    </rPh>
    <rPh sb="10" eb="11">
      <t>バン</t>
    </rPh>
    <rPh sb="13" eb="14">
      <t>ゴウ</t>
    </rPh>
    <rPh sb="15" eb="16">
      <t>ヒガシ</t>
    </rPh>
    <rPh sb="16" eb="18">
      <t>ウメダ</t>
    </rPh>
    <rPh sb="24" eb="25">
      <t>カイ</t>
    </rPh>
    <phoneticPr fontId="6"/>
  </si>
  <si>
    <t xml:space="preserve">大阪市中央区本町三丁目４番１４号　ディライト本町ビル１階 </t>
    <rPh sb="0" eb="3">
      <t>オオサカシ</t>
    </rPh>
    <rPh sb="8" eb="9">
      <t>サン</t>
    </rPh>
    <rPh sb="9" eb="11">
      <t>チョウメ</t>
    </rPh>
    <rPh sb="12" eb="13">
      <t>バン</t>
    </rPh>
    <rPh sb="15" eb="16">
      <t>ゴウ</t>
    </rPh>
    <rPh sb="22" eb="24">
      <t>ホンマチ</t>
    </rPh>
    <rPh sb="27" eb="28">
      <t>カイ</t>
    </rPh>
    <phoneticPr fontId="6"/>
  </si>
  <si>
    <t>大阪市西淀川区歌島二丁目３番２号</t>
    <rPh sb="0" eb="3">
      <t>オオサカシ</t>
    </rPh>
    <rPh sb="3" eb="7">
      <t>ニシヨドガワク</t>
    </rPh>
    <rPh sb="7" eb="8">
      <t>ウタ</t>
    </rPh>
    <rPh sb="8" eb="9">
      <t>シマ</t>
    </rPh>
    <rPh sb="9" eb="10">
      <t>ニ</t>
    </rPh>
    <rPh sb="10" eb="12">
      <t>チョウメ</t>
    </rPh>
    <rPh sb="13" eb="14">
      <t>バン</t>
    </rPh>
    <rPh sb="15" eb="16">
      <t>ゴウ</t>
    </rPh>
    <phoneticPr fontId="6"/>
  </si>
  <si>
    <t>大阪市港区波除三丁目９番１４号　ホッホＭ１Ｆ</t>
    <rPh sb="0" eb="3">
      <t>オオサカシ</t>
    </rPh>
    <rPh sb="7" eb="8">
      <t>サン</t>
    </rPh>
    <rPh sb="8" eb="10">
      <t>チョウメ</t>
    </rPh>
    <rPh sb="11" eb="12">
      <t>バン</t>
    </rPh>
    <rPh sb="14" eb="15">
      <t>ゴウ</t>
    </rPh>
    <phoneticPr fontId="6"/>
  </si>
  <si>
    <t>大阪市天王寺区玉造元町３番９号　八光ビル５階</t>
    <rPh sb="0" eb="3">
      <t>オオサカシ</t>
    </rPh>
    <rPh sb="12" eb="13">
      <t>バン</t>
    </rPh>
    <rPh sb="14" eb="15">
      <t>ゴウ</t>
    </rPh>
    <rPh sb="16" eb="18">
      <t>ヤコウ</t>
    </rPh>
    <rPh sb="21" eb="22">
      <t>カイ</t>
    </rPh>
    <phoneticPr fontId="6"/>
  </si>
  <si>
    <t>大阪市天王寺区大道一丁目４番９号</t>
    <rPh sb="0" eb="3">
      <t>オオサカシ</t>
    </rPh>
    <rPh sb="3" eb="6">
      <t>テンノウジ</t>
    </rPh>
    <rPh sb="6" eb="7">
      <t>ク</t>
    </rPh>
    <rPh sb="7" eb="9">
      <t>ダイドウ</t>
    </rPh>
    <rPh sb="9" eb="10">
      <t>イチ</t>
    </rPh>
    <rPh sb="10" eb="12">
      <t>チョウメ</t>
    </rPh>
    <rPh sb="13" eb="14">
      <t>バン</t>
    </rPh>
    <rPh sb="15" eb="16">
      <t>ゴウ</t>
    </rPh>
    <phoneticPr fontId="6"/>
  </si>
  <si>
    <t>大阪市生野区田島六丁目６番１７号</t>
    <rPh sb="0" eb="3">
      <t>オオサカシ</t>
    </rPh>
    <rPh sb="8" eb="9">
      <t>ロク</t>
    </rPh>
    <rPh sb="9" eb="11">
      <t>チョウメ</t>
    </rPh>
    <rPh sb="12" eb="13">
      <t>バン</t>
    </rPh>
    <rPh sb="15" eb="16">
      <t>ゴウ</t>
    </rPh>
    <phoneticPr fontId="6"/>
  </si>
  <si>
    <t xml:space="preserve">大阪市淀川区西三国一丁目３番１３号 </t>
    <rPh sb="0" eb="3">
      <t>オオサカシ</t>
    </rPh>
    <rPh sb="9" eb="10">
      <t>イチ</t>
    </rPh>
    <rPh sb="16" eb="17">
      <t>ゴウ</t>
    </rPh>
    <phoneticPr fontId="6"/>
  </si>
  <si>
    <t>大阪市浪速区元町二丁目３番１９号　ＴＣＡビル２階</t>
    <rPh sb="0" eb="3">
      <t>オオサカシ</t>
    </rPh>
    <rPh sb="8" eb="9">
      <t>ニ</t>
    </rPh>
    <rPh sb="23" eb="24">
      <t>カイ</t>
    </rPh>
    <phoneticPr fontId="6"/>
  </si>
  <si>
    <t>大阪市住吉区苅田五丁目１３番７号</t>
    <rPh sb="0" eb="3">
      <t>オオサカシ</t>
    </rPh>
    <rPh sb="3" eb="6">
      <t>スミヨシク</t>
    </rPh>
    <rPh sb="6" eb="8">
      <t>カリタ</t>
    </rPh>
    <rPh sb="8" eb="9">
      <t>ゴ</t>
    </rPh>
    <rPh sb="9" eb="11">
      <t>チョウメ</t>
    </rPh>
    <rPh sb="13" eb="14">
      <t>バン</t>
    </rPh>
    <rPh sb="15" eb="16">
      <t>ゴウ</t>
    </rPh>
    <phoneticPr fontId="6"/>
  </si>
  <si>
    <t>大阪市鶴見区諸口五丁目浜６番２１号</t>
    <rPh sb="0" eb="3">
      <t>オオサカシ</t>
    </rPh>
    <rPh sb="3" eb="6">
      <t>ツルミク</t>
    </rPh>
    <rPh sb="6" eb="8">
      <t>モロクチ</t>
    </rPh>
    <rPh sb="8" eb="9">
      <t>ゴ</t>
    </rPh>
    <rPh sb="9" eb="11">
      <t>チョウメ</t>
    </rPh>
    <rPh sb="11" eb="12">
      <t>ハマ</t>
    </rPh>
    <rPh sb="13" eb="14">
      <t>バン</t>
    </rPh>
    <rPh sb="16" eb="17">
      <t>ゴウ</t>
    </rPh>
    <phoneticPr fontId="6"/>
  </si>
  <si>
    <t>大阪市阿倍野区西田辺町一丁目２１番１３号　サンバティーク西田辺２階　</t>
    <rPh sb="0" eb="3">
      <t>オオサカシ</t>
    </rPh>
    <rPh sb="11" eb="12">
      <t>イチ</t>
    </rPh>
    <rPh sb="16" eb="17">
      <t>バン</t>
    </rPh>
    <rPh sb="19" eb="20">
      <t>ゴウ</t>
    </rPh>
    <rPh sb="28" eb="29">
      <t>ニシ</t>
    </rPh>
    <rPh sb="29" eb="31">
      <t>タナベ</t>
    </rPh>
    <rPh sb="32" eb="33">
      <t>カイ</t>
    </rPh>
    <phoneticPr fontId="6"/>
  </si>
  <si>
    <t>大阪市福島区福島七丁目１９番１１号</t>
    <rPh sb="0" eb="3">
      <t>オオサカシ</t>
    </rPh>
    <rPh sb="8" eb="9">
      <t>ナナ</t>
    </rPh>
    <rPh sb="13" eb="14">
      <t>バン</t>
    </rPh>
    <rPh sb="16" eb="17">
      <t>ゴウ</t>
    </rPh>
    <phoneticPr fontId="6"/>
  </si>
  <si>
    <t>大阪市此花区高見二丁目１３番３号</t>
    <rPh sb="0" eb="3">
      <t>オオサカシ</t>
    </rPh>
    <rPh sb="8" eb="9">
      <t>ニ</t>
    </rPh>
    <rPh sb="9" eb="11">
      <t>チョウメ</t>
    </rPh>
    <rPh sb="13" eb="14">
      <t>バン</t>
    </rPh>
    <rPh sb="15" eb="16">
      <t>ゴウ</t>
    </rPh>
    <phoneticPr fontId="6"/>
  </si>
  <si>
    <t>大阪市都島区都島北通一丁目２２番１０号</t>
    <rPh sb="0" eb="3">
      <t>オオサカシ</t>
    </rPh>
    <rPh sb="3" eb="6">
      <t>ミヤコジマク</t>
    </rPh>
    <rPh sb="6" eb="8">
      <t>ミヤコジマ</t>
    </rPh>
    <rPh sb="8" eb="9">
      <t>キタ</t>
    </rPh>
    <rPh sb="9" eb="10">
      <t>トオ</t>
    </rPh>
    <rPh sb="10" eb="11">
      <t>イチ</t>
    </rPh>
    <rPh sb="11" eb="13">
      <t>チョウメ</t>
    </rPh>
    <rPh sb="15" eb="16">
      <t>バン</t>
    </rPh>
    <rPh sb="18" eb="19">
      <t>ゴウ</t>
    </rPh>
    <phoneticPr fontId="6"/>
  </si>
  <si>
    <t xml:space="preserve">大阪市浪速区難波中一丁目１０番４号　南海野村ビル４階 </t>
    <rPh sb="0" eb="3">
      <t>オオサカシ</t>
    </rPh>
    <rPh sb="9" eb="10">
      <t>イチ</t>
    </rPh>
    <rPh sb="14" eb="15">
      <t>バン</t>
    </rPh>
    <rPh sb="16" eb="17">
      <t>ゴウ</t>
    </rPh>
    <rPh sb="18" eb="20">
      <t>ナンカイ</t>
    </rPh>
    <rPh sb="20" eb="22">
      <t>ノムラ</t>
    </rPh>
    <rPh sb="25" eb="26">
      <t>カイ</t>
    </rPh>
    <phoneticPr fontId="6"/>
  </si>
  <si>
    <t>大阪市阿倍野区王子町一丁目１１番２６号</t>
    <rPh sb="0" eb="3">
      <t>オオサカシ</t>
    </rPh>
    <rPh sb="3" eb="7">
      <t>アベノク</t>
    </rPh>
    <rPh sb="7" eb="10">
      <t>オウジチョウ</t>
    </rPh>
    <rPh sb="10" eb="11">
      <t>イチ</t>
    </rPh>
    <rPh sb="11" eb="13">
      <t>チョウメ</t>
    </rPh>
    <rPh sb="15" eb="16">
      <t>バン</t>
    </rPh>
    <rPh sb="18" eb="19">
      <t>ゴウ</t>
    </rPh>
    <phoneticPr fontId="6"/>
  </si>
  <si>
    <t>大阪市住之江区中加賀屋三丁目9番15号</t>
    <rPh sb="0" eb="3">
      <t>オオサカシ</t>
    </rPh>
    <rPh sb="3" eb="7">
      <t>スミノエク</t>
    </rPh>
    <rPh sb="7" eb="8">
      <t>ナカ</t>
    </rPh>
    <rPh sb="8" eb="11">
      <t>カガヤ</t>
    </rPh>
    <rPh sb="11" eb="14">
      <t>３チョウメ</t>
    </rPh>
    <rPh sb="15" eb="16">
      <t>バン</t>
    </rPh>
    <rPh sb="18" eb="19">
      <t>ゴウ</t>
    </rPh>
    <phoneticPr fontId="6"/>
  </si>
  <si>
    <t>大阪市平野区喜連五丁目１番４３号</t>
    <rPh sb="0" eb="3">
      <t>オオサカシ</t>
    </rPh>
    <rPh sb="3" eb="6">
      <t>ヒラノク</t>
    </rPh>
    <rPh sb="6" eb="8">
      <t>キレ</t>
    </rPh>
    <rPh sb="8" eb="9">
      <t>５</t>
    </rPh>
    <rPh sb="9" eb="11">
      <t>チョウメ</t>
    </rPh>
    <rPh sb="12" eb="13">
      <t>バン</t>
    </rPh>
    <rPh sb="15" eb="16">
      <t>ゴウ</t>
    </rPh>
    <phoneticPr fontId="6"/>
  </si>
  <si>
    <t>大阪市淀川区塚本二丁目２１番７号　</t>
    <rPh sb="0" eb="3">
      <t>オオサカシ</t>
    </rPh>
    <rPh sb="3" eb="6">
      <t>ヨドガワク</t>
    </rPh>
    <rPh sb="6" eb="8">
      <t>ツカモト</t>
    </rPh>
    <rPh sb="8" eb="11">
      <t>２チョウメ</t>
    </rPh>
    <rPh sb="13" eb="14">
      <t>バン</t>
    </rPh>
    <rPh sb="15" eb="16">
      <t>ゴウ</t>
    </rPh>
    <phoneticPr fontId="6"/>
  </si>
  <si>
    <t>大阪市城東区関目五丁目１２番２１号</t>
    <rPh sb="0" eb="3">
      <t>オオサカシ</t>
    </rPh>
    <rPh sb="3" eb="6">
      <t>ジョウトウク</t>
    </rPh>
    <rPh sb="6" eb="8">
      <t>セキメ</t>
    </rPh>
    <rPh sb="8" eb="11">
      <t>５チョウメ</t>
    </rPh>
    <rPh sb="13" eb="14">
      <t>バン</t>
    </rPh>
    <rPh sb="16" eb="17">
      <t>ゴウ</t>
    </rPh>
    <phoneticPr fontId="6"/>
  </si>
  <si>
    <t>大阪市中央区南船場四丁目5番8号　ラスターオン心斎橋３０１</t>
    <rPh sb="0" eb="3">
      <t>オオサカシ</t>
    </rPh>
    <rPh sb="3" eb="6">
      <t>チュウオウク</t>
    </rPh>
    <rPh sb="6" eb="9">
      <t>ミナミセンバ</t>
    </rPh>
    <rPh sb="9" eb="12">
      <t>４チョウメ</t>
    </rPh>
    <rPh sb="13" eb="14">
      <t>バン</t>
    </rPh>
    <rPh sb="15" eb="16">
      <t>ゴウ</t>
    </rPh>
    <rPh sb="23" eb="26">
      <t>シンサイバシ</t>
    </rPh>
    <phoneticPr fontId="6"/>
  </si>
  <si>
    <t>大阪市住之江区粉浜二丁目４番２６-１０２号</t>
    <rPh sb="0" eb="3">
      <t>オオサカシ</t>
    </rPh>
    <rPh sb="3" eb="7">
      <t>スミノエク</t>
    </rPh>
    <rPh sb="7" eb="8">
      <t>コナ</t>
    </rPh>
    <rPh sb="8" eb="9">
      <t>ハマ</t>
    </rPh>
    <rPh sb="9" eb="12">
      <t>２チョウメ</t>
    </rPh>
    <rPh sb="13" eb="14">
      <t>バン</t>
    </rPh>
    <rPh sb="20" eb="21">
      <t>ゴウ</t>
    </rPh>
    <phoneticPr fontId="6"/>
  </si>
  <si>
    <t>大阪市住吉区長居西一丁目７番３号</t>
    <rPh sb="0" eb="3">
      <t>オオサカシ</t>
    </rPh>
    <rPh sb="3" eb="6">
      <t>スミヨシク</t>
    </rPh>
    <rPh sb="6" eb="9">
      <t>ナガイニシ</t>
    </rPh>
    <rPh sb="9" eb="12">
      <t>１チョウメ</t>
    </rPh>
    <rPh sb="13" eb="14">
      <t>バン</t>
    </rPh>
    <rPh sb="15" eb="16">
      <t>ゴウ</t>
    </rPh>
    <phoneticPr fontId="6"/>
  </si>
  <si>
    <t>大阪市天王寺区堂ヶ芝二丁目１３番１号　１階</t>
    <rPh sb="0" eb="3">
      <t>オオサカシ</t>
    </rPh>
    <rPh sb="3" eb="7">
      <t>テンノウジク</t>
    </rPh>
    <rPh sb="7" eb="10">
      <t>ドウガシバ</t>
    </rPh>
    <rPh sb="10" eb="13">
      <t>２チョウメ</t>
    </rPh>
    <rPh sb="15" eb="16">
      <t>バン</t>
    </rPh>
    <rPh sb="17" eb="18">
      <t>ゴウ</t>
    </rPh>
    <rPh sb="20" eb="21">
      <t>カイ</t>
    </rPh>
    <phoneticPr fontId="6"/>
  </si>
  <si>
    <t>医療法人　きずな歯科医院</t>
    <rPh sb="8" eb="10">
      <t>シカ</t>
    </rPh>
    <rPh sb="10" eb="12">
      <t>イイン</t>
    </rPh>
    <phoneticPr fontId="6"/>
  </si>
  <si>
    <t>医療法人　真芳会</t>
    <rPh sb="5" eb="7">
      <t>マホウ</t>
    </rPh>
    <phoneticPr fontId="6"/>
  </si>
  <si>
    <t>医療法人　島津歯科</t>
    <rPh sb="5" eb="7">
      <t>シマヅ</t>
    </rPh>
    <rPh sb="7" eb="9">
      <t>シカ</t>
    </rPh>
    <phoneticPr fontId="6"/>
  </si>
  <si>
    <t>医療法人　一宣会</t>
    <rPh sb="5" eb="7">
      <t>イッセン</t>
    </rPh>
    <phoneticPr fontId="6"/>
  </si>
  <si>
    <t>医療法人　賢誠会</t>
    <rPh sb="5" eb="7">
      <t>ケンセイ</t>
    </rPh>
    <phoneticPr fontId="6"/>
  </si>
  <si>
    <t>医療法人　ADC</t>
    <phoneticPr fontId="3"/>
  </si>
  <si>
    <t>医療法人　上村歯科</t>
    <rPh sb="5" eb="7">
      <t>ウエムラ</t>
    </rPh>
    <rPh sb="7" eb="9">
      <t>シカ</t>
    </rPh>
    <phoneticPr fontId="6"/>
  </si>
  <si>
    <t>医療法人　永劫会</t>
    <rPh sb="5" eb="6">
      <t>エイ</t>
    </rPh>
    <rPh sb="6" eb="7">
      <t>コウ</t>
    </rPh>
    <phoneticPr fontId="6"/>
  </si>
  <si>
    <t>医療法人　幸明会　</t>
    <rPh sb="5" eb="8">
      <t>コウメイ</t>
    </rPh>
    <phoneticPr fontId="6"/>
  </si>
  <si>
    <t>医療法人　伊藤クリニック</t>
    <rPh sb="5" eb="7">
      <t>イトウ</t>
    </rPh>
    <phoneticPr fontId="6"/>
  </si>
  <si>
    <t xml:space="preserve">大阪市生野区林寺1-3-13 </t>
    <phoneticPr fontId="3"/>
  </si>
  <si>
    <t>大阪市中央区安土町3-2-14</t>
    <phoneticPr fontId="3"/>
  </si>
  <si>
    <t>医療法人　成仁会</t>
    <rPh sb="5" eb="6">
      <t>ナ</t>
    </rPh>
    <phoneticPr fontId="3"/>
  </si>
  <si>
    <t>大阪市生野区巽北3-2-13</t>
    <phoneticPr fontId="3"/>
  </si>
  <si>
    <t>医療法人　新井歯科医院</t>
    <rPh sb="5" eb="7">
      <t>アライ</t>
    </rPh>
    <rPh sb="7" eb="9">
      <t>シカ</t>
    </rPh>
    <phoneticPr fontId="3"/>
  </si>
  <si>
    <t>医療法人　真和会</t>
    <rPh sb="0" eb="2">
      <t>イリョウ</t>
    </rPh>
    <rPh sb="2" eb="4">
      <t>ホウジン</t>
    </rPh>
    <rPh sb="5" eb="6">
      <t>シン</t>
    </rPh>
    <rPh sb="6" eb="7">
      <t>ワ</t>
    </rPh>
    <rPh sb="7" eb="8">
      <t>カイ</t>
    </rPh>
    <phoneticPr fontId="3"/>
  </si>
  <si>
    <t>医療法人　双幸会</t>
    <rPh sb="0" eb="2">
      <t>イリョウ</t>
    </rPh>
    <rPh sb="2" eb="4">
      <t>ホウジン</t>
    </rPh>
    <rPh sb="5" eb="6">
      <t>ソウ</t>
    </rPh>
    <rPh sb="6" eb="7">
      <t>ユキ</t>
    </rPh>
    <rPh sb="7" eb="8">
      <t>カイ</t>
    </rPh>
    <phoneticPr fontId="3"/>
  </si>
  <si>
    <t>医療法人　わくわく会</t>
    <rPh sb="0" eb="2">
      <t>イリョウ</t>
    </rPh>
    <rPh sb="2" eb="4">
      <t>ホウジン</t>
    </rPh>
    <rPh sb="9" eb="10">
      <t>カイ</t>
    </rPh>
    <phoneticPr fontId="3"/>
  </si>
  <si>
    <t>医療法人　永歯会</t>
    <rPh sb="0" eb="2">
      <t>イリョウ</t>
    </rPh>
    <rPh sb="2" eb="4">
      <t>ホウジン</t>
    </rPh>
    <rPh sb="5" eb="6">
      <t>エイ</t>
    </rPh>
    <rPh sb="6" eb="7">
      <t>ハ</t>
    </rPh>
    <rPh sb="7" eb="8">
      <t>カイ</t>
    </rPh>
    <phoneticPr fontId="3"/>
  </si>
  <si>
    <t>医療法人　裕豊会</t>
    <rPh sb="0" eb="2">
      <t>イリョウ</t>
    </rPh>
    <rPh sb="2" eb="4">
      <t>ホウジン</t>
    </rPh>
    <rPh sb="5" eb="6">
      <t>ユウ</t>
    </rPh>
    <rPh sb="6" eb="7">
      <t>ユタカ</t>
    </rPh>
    <rPh sb="7" eb="8">
      <t>カイ</t>
    </rPh>
    <phoneticPr fontId="3"/>
  </si>
  <si>
    <t>医療法人　優紫会</t>
    <rPh sb="0" eb="2">
      <t>イリョウ</t>
    </rPh>
    <rPh sb="2" eb="4">
      <t>ホウジン</t>
    </rPh>
    <rPh sb="5" eb="6">
      <t>ユウ</t>
    </rPh>
    <rPh sb="6" eb="7">
      <t>シ</t>
    </rPh>
    <rPh sb="7" eb="8">
      <t>カイ</t>
    </rPh>
    <phoneticPr fontId="3"/>
  </si>
  <si>
    <t>医療法人　がもう四丁目歯科</t>
    <rPh sb="0" eb="2">
      <t>イリョウ</t>
    </rPh>
    <rPh sb="2" eb="4">
      <t>ホウジン</t>
    </rPh>
    <rPh sb="8" eb="11">
      <t>４チョウメ</t>
    </rPh>
    <rPh sb="11" eb="13">
      <t>シカ</t>
    </rPh>
    <phoneticPr fontId="3"/>
  </si>
  <si>
    <t>医療法人　幸愛会</t>
    <rPh sb="0" eb="2">
      <t>イリョウ</t>
    </rPh>
    <rPh sb="2" eb="4">
      <t>ホウジン</t>
    </rPh>
    <rPh sb="5" eb="6">
      <t>ユキ</t>
    </rPh>
    <rPh sb="6" eb="7">
      <t>アイ</t>
    </rPh>
    <rPh sb="7" eb="8">
      <t>カイ</t>
    </rPh>
    <phoneticPr fontId="3"/>
  </si>
  <si>
    <t>大阪市福島区吉野1-10-13　ＮＴビル２階</t>
    <rPh sb="0" eb="2">
      <t>オオサカ</t>
    </rPh>
    <rPh sb="2" eb="3">
      <t>シ</t>
    </rPh>
    <rPh sb="3" eb="5">
      <t>フクシマ</t>
    </rPh>
    <rPh sb="21" eb="22">
      <t>カイ</t>
    </rPh>
    <phoneticPr fontId="3"/>
  </si>
  <si>
    <t>大阪市中央区城見2-1-61　ツイン２１ＭＩＤビル２１階</t>
    <rPh sb="0" eb="2">
      <t>オオサカ</t>
    </rPh>
    <rPh sb="2" eb="3">
      <t>シ</t>
    </rPh>
    <rPh sb="3" eb="6">
      <t>チュウオウク</t>
    </rPh>
    <rPh sb="6" eb="7">
      <t>シロ</t>
    </rPh>
    <rPh sb="7" eb="8">
      <t>ミ</t>
    </rPh>
    <rPh sb="27" eb="28">
      <t>カイ</t>
    </rPh>
    <phoneticPr fontId="3"/>
  </si>
  <si>
    <t>大阪市港区夕凪2-1-1　サンファミリー夕凪東館１階　</t>
    <rPh sb="0" eb="2">
      <t>オオサカ</t>
    </rPh>
    <rPh sb="2" eb="3">
      <t>シ</t>
    </rPh>
    <rPh sb="3" eb="5">
      <t>ミナトク</t>
    </rPh>
    <rPh sb="5" eb="7">
      <t>ユウナギ</t>
    </rPh>
    <rPh sb="25" eb="26">
      <t>カイ</t>
    </rPh>
    <phoneticPr fontId="3"/>
  </si>
  <si>
    <t>大阪市大正区南恩加島2-7-24</t>
    <rPh sb="0" eb="2">
      <t>オオサカ</t>
    </rPh>
    <rPh sb="2" eb="3">
      <t>シ</t>
    </rPh>
    <rPh sb="3" eb="6">
      <t>タイショウク</t>
    </rPh>
    <rPh sb="6" eb="10">
      <t>ミナミオカジマ</t>
    </rPh>
    <phoneticPr fontId="3"/>
  </si>
  <si>
    <t>大阪市旭区太子橋1-1-1　ロンポトー１０１号室　</t>
    <rPh sb="0" eb="2">
      <t>オオサカ</t>
    </rPh>
    <rPh sb="2" eb="3">
      <t>シ</t>
    </rPh>
    <rPh sb="3" eb="8">
      <t>５３５－０００１</t>
    </rPh>
    <phoneticPr fontId="3"/>
  </si>
  <si>
    <t>大阪市城東区今福西3-6-23　デイグランビル３階</t>
    <rPh sb="0" eb="3">
      <t>オオサカシ</t>
    </rPh>
    <rPh sb="3" eb="9">
      <t>５３６－０００４</t>
    </rPh>
    <rPh sb="24" eb="25">
      <t>カイ</t>
    </rPh>
    <phoneticPr fontId="3"/>
  </si>
  <si>
    <t>大阪市城東区今福西1-7-4　キリンドプラザ城東１階　</t>
    <rPh sb="0" eb="2">
      <t>オオサカ</t>
    </rPh>
    <rPh sb="2" eb="3">
      <t>シ</t>
    </rPh>
    <rPh sb="3" eb="6">
      <t>ジョウトウク</t>
    </rPh>
    <rPh sb="6" eb="9">
      <t>イマフクニシ</t>
    </rPh>
    <rPh sb="25" eb="26">
      <t>カイ</t>
    </rPh>
    <phoneticPr fontId="3"/>
  </si>
  <si>
    <t>大阪市西成区千本南1-5-21</t>
    <rPh sb="0" eb="2">
      <t>オオサカ</t>
    </rPh>
    <rPh sb="2" eb="3">
      <t>シ</t>
    </rPh>
    <rPh sb="3" eb="5">
      <t>ニシナリ</t>
    </rPh>
    <phoneticPr fontId="3"/>
  </si>
  <si>
    <t>大阪市北区曽根崎2-12-4　コフレ梅田3階</t>
    <rPh sb="3" eb="4">
      <t>キタ</t>
    </rPh>
    <phoneticPr fontId="3"/>
  </si>
  <si>
    <t>医療法人　和光会光井歯科診療所</t>
    <phoneticPr fontId="3"/>
  </si>
  <si>
    <t>医療法人　嘉健会</t>
    <rPh sb="5" eb="6">
      <t>カ</t>
    </rPh>
    <rPh sb="6" eb="7">
      <t>ケン</t>
    </rPh>
    <rPh sb="7" eb="8">
      <t>カイ</t>
    </rPh>
    <phoneticPr fontId="3"/>
  </si>
  <si>
    <t>医療法人　奥景会ひびきクリニック</t>
    <rPh sb="6" eb="7">
      <t>カゲ</t>
    </rPh>
    <rPh sb="7" eb="8">
      <t>カイ</t>
    </rPh>
    <phoneticPr fontId="3"/>
  </si>
  <si>
    <t>旭区</t>
    <phoneticPr fontId="3"/>
  </si>
  <si>
    <t>医療法人　仁由会</t>
    <rPh sb="5" eb="6">
      <t>ジン</t>
    </rPh>
    <rPh sb="6" eb="7">
      <t>ユウ</t>
    </rPh>
    <phoneticPr fontId="3"/>
  </si>
  <si>
    <t>大阪市天王寺区生玉寺町2-6</t>
    <rPh sb="0" eb="3">
      <t>オオサカシ</t>
    </rPh>
    <rPh sb="3" eb="7">
      <t>テンノウジク</t>
    </rPh>
    <phoneticPr fontId="3"/>
  </si>
  <si>
    <t>医療法人　仙豆会</t>
    <rPh sb="5" eb="6">
      <t>セン</t>
    </rPh>
    <rPh sb="6" eb="7">
      <t>マメ</t>
    </rPh>
    <rPh sb="7" eb="8">
      <t>カイ</t>
    </rPh>
    <phoneticPr fontId="3"/>
  </si>
  <si>
    <t>大阪市阿倍野区阪南町5-4-6</t>
    <phoneticPr fontId="3"/>
  </si>
  <si>
    <t>社会医療法人　寿会</t>
    <rPh sb="0" eb="2">
      <t>シャカイ</t>
    </rPh>
    <phoneticPr fontId="3"/>
  </si>
  <si>
    <t>大阪市大正区三軒家西二丁目１８番５号</t>
    <rPh sb="15" eb="16">
      <t>バン</t>
    </rPh>
    <rPh sb="17" eb="18">
      <t>ゴウ</t>
    </rPh>
    <phoneticPr fontId="3"/>
  </si>
  <si>
    <t>大阪市天王寺区上本町六丁目７番２０号</t>
    <phoneticPr fontId="3"/>
  </si>
  <si>
    <t>大阪市天王寺区上本町六丁目９番２１号FUSION＋３階</t>
    <phoneticPr fontId="3"/>
  </si>
  <si>
    <t>大阪市福島区海老江二丁目１番４号</t>
    <phoneticPr fontId="3"/>
  </si>
  <si>
    <t>大阪市中央区本町二丁目６番５号</t>
    <phoneticPr fontId="3"/>
  </si>
  <si>
    <t>大阪市北区西天満五丁目９番３号　アールビル本館１階</t>
    <phoneticPr fontId="3"/>
  </si>
  <si>
    <t>大阪市都島区都島本通三丁目２３番５号　堤ビル２階</t>
    <phoneticPr fontId="3"/>
  </si>
  <si>
    <t>大阪府大阪市天王寺区真法院町１２番４号</t>
    <phoneticPr fontId="3"/>
  </si>
  <si>
    <t>大阪市城東区鴫野西四丁目１番２２号　Welfare大阪京橋ビル２階１号</t>
    <phoneticPr fontId="3"/>
  </si>
  <si>
    <t>大阪市天王寺区堂ケ芝二丁目１３番２０号　堂ヶ芝ビル</t>
    <rPh sb="0" eb="2">
      <t>オオサカ</t>
    </rPh>
    <rPh sb="2" eb="3">
      <t>シ</t>
    </rPh>
    <rPh sb="10" eb="11">
      <t>ニ</t>
    </rPh>
    <rPh sb="15" eb="16">
      <t>バン</t>
    </rPh>
    <rPh sb="18" eb="19">
      <t>ゴウ</t>
    </rPh>
    <rPh sb="20" eb="21">
      <t>ドウ</t>
    </rPh>
    <rPh sb="22" eb="23">
      <t>シバ</t>
    </rPh>
    <phoneticPr fontId="6"/>
  </si>
  <si>
    <t>大阪市淀川区宮原一丁目６番１号</t>
    <rPh sb="0" eb="2">
      <t>オオサカ</t>
    </rPh>
    <rPh sb="2" eb="3">
      <t>シ</t>
    </rPh>
    <rPh sb="8" eb="9">
      <t>イチ</t>
    </rPh>
    <phoneticPr fontId="6"/>
  </si>
  <si>
    <t>大阪市東住吉区西今川二丁目１４番１２号</t>
    <rPh sb="0" eb="2">
      <t>オオサカ</t>
    </rPh>
    <rPh sb="2" eb="3">
      <t>シ</t>
    </rPh>
    <rPh sb="10" eb="11">
      <t>ニ</t>
    </rPh>
    <rPh sb="15" eb="16">
      <t>バン</t>
    </rPh>
    <rPh sb="18" eb="19">
      <t>ゴウ</t>
    </rPh>
    <phoneticPr fontId="6"/>
  </si>
  <si>
    <t>大阪市福島区福島七丁目６番２３号</t>
    <rPh sb="0" eb="2">
      <t>オオサカ</t>
    </rPh>
    <rPh sb="2" eb="3">
      <t>シ</t>
    </rPh>
    <rPh sb="6" eb="8">
      <t>フクシマ</t>
    </rPh>
    <rPh sb="8" eb="9">
      <t>ナナ</t>
    </rPh>
    <rPh sb="9" eb="11">
      <t>チョウメ</t>
    </rPh>
    <rPh sb="12" eb="13">
      <t>バン</t>
    </rPh>
    <rPh sb="15" eb="16">
      <t>ゴウ</t>
    </rPh>
    <phoneticPr fontId="6"/>
  </si>
  <si>
    <t>大阪市福島区吉野一丁目２１番７号</t>
    <rPh sb="0" eb="2">
      <t>オオサカ</t>
    </rPh>
    <rPh sb="2" eb="3">
      <t>シ</t>
    </rPh>
    <rPh sb="8" eb="9">
      <t>イチ</t>
    </rPh>
    <rPh sb="9" eb="11">
      <t>チョウメ</t>
    </rPh>
    <rPh sb="13" eb="14">
      <t>バン</t>
    </rPh>
    <rPh sb="15" eb="16">
      <t>ゴウ</t>
    </rPh>
    <phoneticPr fontId="6"/>
  </si>
  <si>
    <t>大阪市旭区清水三丁目１番１４号　柴眼科ビル３階</t>
    <rPh sb="0" eb="2">
      <t>オオサカ</t>
    </rPh>
    <rPh sb="2" eb="3">
      <t>シ</t>
    </rPh>
    <rPh sb="7" eb="8">
      <t>サン</t>
    </rPh>
    <rPh sb="11" eb="12">
      <t>バン</t>
    </rPh>
    <rPh sb="14" eb="15">
      <t>ゴウ</t>
    </rPh>
    <rPh sb="16" eb="17">
      <t>シバ</t>
    </rPh>
    <rPh sb="17" eb="19">
      <t>ガンカ</t>
    </rPh>
    <rPh sb="22" eb="23">
      <t>カイ</t>
    </rPh>
    <phoneticPr fontId="6"/>
  </si>
  <si>
    <t>大阪市住吉区我孫子東二丁目８番２７号</t>
    <rPh sb="0" eb="3">
      <t>オオサカシ</t>
    </rPh>
    <rPh sb="10" eb="11">
      <t>ニ</t>
    </rPh>
    <rPh sb="14" eb="15">
      <t>バン</t>
    </rPh>
    <rPh sb="17" eb="18">
      <t>ゴウ</t>
    </rPh>
    <phoneticPr fontId="6"/>
  </si>
  <si>
    <t>大阪市住吉区万代東一丁目４番１２号</t>
    <rPh sb="0" eb="3">
      <t>オオサカシ</t>
    </rPh>
    <rPh sb="9" eb="10">
      <t>イチ</t>
    </rPh>
    <rPh sb="10" eb="12">
      <t>チョウメ</t>
    </rPh>
    <rPh sb="13" eb="14">
      <t>バン</t>
    </rPh>
    <rPh sb="16" eb="17">
      <t>ゴウ</t>
    </rPh>
    <phoneticPr fontId="6"/>
  </si>
  <si>
    <t>大阪市中央区南船場３丁目５番１１号　りそな心斎橋ビル４階</t>
    <rPh sb="0" eb="2">
      <t>オオサカ</t>
    </rPh>
    <rPh sb="2" eb="3">
      <t>シ</t>
    </rPh>
    <rPh sb="10" eb="11">
      <t>チョウ</t>
    </rPh>
    <rPh sb="11" eb="12">
      <t>メ</t>
    </rPh>
    <rPh sb="13" eb="14">
      <t>バン</t>
    </rPh>
    <rPh sb="16" eb="17">
      <t>ゴウ</t>
    </rPh>
    <rPh sb="21" eb="24">
      <t>シンサイバシ</t>
    </rPh>
    <rPh sb="27" eb="28">
      <t>カイ</t>
    </rPh>
    <phoneticPr fontId="6"/>
  </si>
  <si>
    <t>大阪市中央区南船場４丁目５番８号</t>
    <rPh sb="0" eb="2">
      <t>オオサカ</t>
    </rPh>
    <rPh sb="2" eb="3">
      <t>シ</t>
    </rPh>
    <rPh sb="10" eb="12">
      <t>チョウメ</t>
    </rPh>
    <rPh sb="13" eb="14">
      <t>バン</t>
    </rPh>
    <rPh sb="15" eb="16">
      <t>ゴウ</t>
    </rPh>
    <phoneticPr fontId="6"/>
  </si>
  <si>
    <t>医療法人　谷口クリニック</t>
    <phoneticPr fontId="3"/>
  </si>
  <si>
    <t>医療法人　斉藤女性クリニック</t>
    <phoneticPr fontId="3"/>
  </si>
  <si>
    <t>医療法人　康上会</t>
    <rPh sb="5" eb="8">
      <t>コウジョウ</t>
    </rPh>
    <phoneticPr fontId="6"/>
  </si>
  <si>
    <t>医療法人　優幸会</t>
    <rPh sb="5" eb="8">
      <t>ユウコウ</t>
    </rPh>
    <phoneticPr fontId="6"/>
  </si>
  <si>
    <t>医療法人　慶心会</t>
    <rPh sb="5" eb="8">
      <t>ケイシン</t>
    </rPh>
    <phoneticPr fontId="6"/>
  </si>
  <si>
    <t>医療法人　永紘会</t>
    <rPh sb="5" eb="8">
      <t>エイコウ</t>
    </rPh>
    <phoneticPr fontId="6"/>
  </si>
  <si>
    <t>医療法人　桜正会</t>
    <rPh sb="5" eb="8">
      <t>オウセイ</t>
    </rPh>
    <phoneticPr fontId="6"/>
  </si>
  <si>
    <t>医療法人　惠晴会</t>
    <rPh sb="5" eb="8">
      <t>ケイセイ</t>
    </rPh>
    <phoneticPr fontId="6"/>
  </si>
  <si>
    <t>医療法人　桃恵会</t>
    <rPh sb="5" eb="8">
      <t>トウケイ</t>
    </rPh>
    <phoneticPr fontId="6"/>
  </si>
  <si>
    <t>医療法人　天神橋ゆかこレディースクリニック</t>
    <phoneticPr fontId="3"/>
  </si>
  <si>
    <t>医療法人　涼葵会</t>
    <rPh sb="5" eb="8">
      <t>アツギ</t>
    </rPh>
    <phoneticPr fontId="6"/>
  </si>
  <si>
    <t>医療法人　スマイル歯科藤井クリニック</t>
    <rPh sb="9" eb="11">
      <t>シカ</t>
    </rPh>
    <phoneticPr fontId="6"/>
  </si>
  <si>
    <t>医療法人　三友会</t>
    <rPh sb="5" eb="8">
      <t>サンユウ</t>
    </rPh>
    <phoneticPr fontId="6"/>
  </si>
  <si>
    <t>医療法人　ココイロ</t>
    <phoneticPr fontId="3"/>
  </si>
  <si>
    <t>医療法人　わかば会</t>
    <phoneticPr fontId="3"/>
  </si>
  <si>
    <t>医療法人　英真会</t>
    <rPh sb="5" eb="8">
      <t>エイシン</t>
    </rPh>
    <phoneticPr fontId="6"/>
  </si>
  <si>
    <t>医療法人　悠志会</t>
    <rPh sb="5" eb="8">
      <t>ユウシ</t>
    </rPh>
    <phoneticPr fontId="6"/>
  </si>
  <si>
    <t>医療法人　藤秀会</t>
    <rPh sb="5" eb="8">
      <t>トウシュウ</t>
    </rPh>
    <phoneticPr fontId="6"/>
  </si>
  <si>
    <t>医療法人　貴志会</t>
    <rPh sb="5" eb="8">
      <t>キシ</t>
    </rPh>
    <phoneticPr fontId="6"/>
  </si>
  <si>
    <t>医療法人　泰寿会</t>
    <rPh sb="5" eb="8">
      <t>タイジュ</t>
    </rPh>
    <phoneticPr fontId="6"/>
  </si>
  <si>
    <t>医療法人　吉田医院</t>
    <rPh sb="5" eb="7">
      <t>ヨシダ</t>
    </rPh>
    <rPh sb="7" eb="9">
      <t>イイン</t>
    </rPh>
    <phoneticPr fontId="3"/>
  </si>
  <si>
    <t>大阪市淀川区東三国6-18-27</t>
    <rPh sb="3" eb="6">
      <t>ヨドガワク</t>
    </rPh>
    <rPh sb="6" eb="9">
      <t>ヒガシミクニ</t>
    </rPh>
    <phoneticPr fontId="3"/>
  </si>
  <si>
    <t>医療法人　善友会</t>
    <phoneticPr fontId="3"/>
  </si>
  <si>
    <t>医療法人　リプロダクションクリニック</t>
    <phoneticPr fontId="3"/>
  </si>
  <si>
    <t>医療法人　ビューライフ</t>
    <phoneticPr fontId="3"/>
  </si>
  <si>
    <t>大阪市北区天神橋3-8-19天三北木村ビル2階</t>
    <phoneticPr fontId="3"/>
  </si>
  <si>
    <t>大阪市北区大深町4-20</t>
    <phoneticPr fontId="3"/>
  </si>
  <si>
    <t>大阪市北区堂島2-3-9</t>
    <phoneticPr fontId="3"/>
  </si>
  <si>
    <t>医療法人　笑久会</t>
    <rPh sb="0" eb="2">
      <t>イリョウ</t>
    </rPh>
    <rPh sb="2" eb="4">
      <t>ホウジン</t>
    </rPh>
    <rPh sb="5" eb="6">
      <t>ワラ</t>
    </rPh>
    <rPh sb="6" eb="7">
      <t>ヒサシ</t>
    </rPh>
    <rPh sb="7" eb="8">
      <t>カイ</t>
    </rPh>
    <phoneticPr fontId="3"/>
  </si>
  <si>
    <t>社会医療法人　ささき会</t>
    <rPh sb="0" eb="2">
      <t>シャカイ</t>
    </rPh>
    <rPh sb="10" eb="11">
      <t>カイ</t>
    </rPh>
    <phoneticPr fontId="3"/>
  </si>
  <si>
    <t>医療法人　宏心会横田歯科医院</t>
    <rPh sb="5" eb="6">
      <t>ヒロシ</t>
    </rPh>
    <rPh sb="6" eb="7">
      <t>ココロ</t>
    </rPh>
    <rPh sb="7" eb="8">
      <t>カイ</t>
    </rPh>
    <rPh sb="8" eb="10">
      <t>ヨコタ</t>
    </rPh>
    <rPh sb="10" eb="12">
      <t>シカ</t>
    </rPh>
    <rPh sb="12" eb="14">
      <t>イイン</t>
    </rPh>
    <phoneticPr fontId="6"/>
  </si>
  <si>
    <t>大阪市天王寺区味原町13-11-2</t>
    <phoneticPr fontId="3"/>
  </si>
  <si>
    <t>大阪市東淀川区豊里7-19-27</t>
    <rPh sb="7" eb="9">
      <t>トヨサト</t>
    </rPh>
    <phoneticPr fontId="3"/>
  </si>
  <si>
    <t>医療法人　清原皮膚科</t>
    <rPh sb="5" eb="7">
      <t>キヨハラ</t>
    </rPh>
    <rPh sb="7" eb="10">
      <t>ヒフカ</t>
    </rPh>
    <phoneticPr fontId="3"/>
  </si>
  <si>
    <t>医療法人　康和会</t>
    <rPh sb="5" eb="6">
      <t>ヤス</t>
    </rPh>
    <rPh sb="6" eb="7">
      <t>ワ</t>
    </rPh>
    <rPh sb="7" eb="8">
      <t>カイ</t>
    </rPh>
    <phoneticPr fontId="3"/>
  </si>
  <si>
    <t>医療法人　愛祥会</t>
    <rPh sb="5" eb="6">
      <t>アイ</t>
    </rPh>
    <rPh sb="6" eb="7">
      <t>ショウ</t>
    </rPh>
    <rPh sb="7" eb="8">
      <t>カイ</t>
    </rPh>
    <phoneticPr fontId="3"/>
  </si>
  <si>
    <t>医療法人　建真会</t>
    <rPh sb="0" eb="2">
      <t>イリョウ</t>
    </rPh>
    <rPh sb="2" eb="4">
      <t>ホウジン</t>
    </rPh>
    <rPh sb="5" eb="6">
      <t>ケン</t>
    </rPh>
    <rPh sb="6" eb="7">
      <t>マ</t>
    </rPh>
    <rPh sb="7" eb="8">
      <t>カイ</t>
    </rPh>
    <phoneticPr fontId="3"/>
  </si>
  <si>
    <t>大阪市西成区玉出西2-14-15</t>
    <phoneticPr fontId="3"/>
  </si>
  <si>
    <t>大阪市生野区新今里7-10-15</t>
    <phoneticPr fontId="3"/>
  </si>
  <si>
    <t>大阪市天王寺区上本町六丁目９番２１号　フュージョンプラスビル１階</t>
    <rPh sb="0" eb="3">
      <t>オオサカシ</t>
    </rPh>
    <rPh sb="3" eb="7">
      <t>テンノウジク</t>
    </rPh>
    <rPh sb="7" eb="10">
      <t>ウエホンマチ</t>
    </rPh>
    <rPh sb="10" eb="13">
      <t>ロクチョウメ</t>
    </rPh>
    <rPh sb="14" eb="15">
      <t>バン</t>
    </rPh>
    <rPh sb="17" eb="18">
      <t>ゴウ</t>
    </rPh>
    <rPh sb="31" eb="32">
      <t>カイ</t>
    </rPh>
    <phoneticPr fontId="6"/>
  </si>
  <si>
    <t>大阪市東淀川区北江口四丁目３番２７号</t>
    <rPh sb="0" eb="2">
      <t>オオサカ</t>
    </rPh>
    <rPh sb="2" eb="3">
      <t>シ</t>
    </rPh>
    <rPh sb="3" eb="7">
      <t>ヒガシヨドガワク</t>
    </rPh>
    <rPh sb="7" eb="10">
      <t>キタエグチ</t>
    </rPh>
    <rPh sb="10" eb="13">
      <t>ヨンチョウメ</t>
    </rPh>
    <rPh sb="14" eb="15">
      <t>バン</t>
    </rPh>
    <rPh sb="17" eb="18">
      <t>ゴウ</t>
    </rPh>
    <phoneticPr fontId="6"/>
  </si>
  <si>
    <t>大阪市平野区加美北五丁目１０番５２号</t>
    <rPh sb="0" eb="3">
      <t>オオサカシ</t>
    </rPh>
    <rPh sb="3" eb="6">
      <t>ヒラノク</t>
    </rPh>
    <rPh sb="6" eb="9">
      <t>カミキタ</t>
    </rPh>
    <rPh sb="9" eb="12">
      <t>ゴチョウメ</t>
    </rPh>
    <rPh sb="14" eb="15">
      <t>バン</t>
    </rPh>
    <rPh sb="17" eb="18">
      <t>ゴウ</t>
    </rPh>
    <phoneticPr fontId="6"/>
  </si>
  <si>
    <t>大阪市西区南堀江四丁目４番２０号　１階１０３号室</t>
    <rPh sb="0" eb="2">
      <t>オオサカ</t>
    </rPh>
    <rPh sb="2" eb="3">
      <t>シ</t>
    </rPh>
    <rPh sb="3" eb="5">
      <t>ニシク</t>
    </rPh>
    <rPh sb="5" eb="6">
      <t>ミナミ</t>
    </rPh>
    <rPh sb="6" eb="8">
      <t>ホリエ</t>
    </rPh>
    <rPh sb="8" eb="9">
      <t>ヨン</t>
    </rPh>
    <rPh sb="9" eb="11">
      <t>チョウメ</t>
    </rPh>
    <rPh sb="12" eb="13">
      <t>バン</t>
    </rPh>
    <rPh sb="15" eb="16">
      <t>ゴウ</t>
    </rPh>
    <rPh sb="18" eb="19">
      <t>カイ</t>
    </rPh>
    <rPh sb="22" eb="23">
      <t>ゴウ</t>
    </rPh>
    <rPh sb="23" eb="24">
      <t>シツ</t>
    </rPh>
    <phoneticPr fontId="6"/>
  </si>
  <si>
    <t>大阪市城東区東中浜三丁目７番１５号</t>
    <rPh sb="0" eb="2">
      <t>オオサカ</t>
    </rPh>
    <rPh sb="2" eb="3">
      <t>シ</t>
    </rPh>
    <rPh sb="3" eb="6">
      <t>ジョウトウク</t>
    </rPh>
    <rPh sb="6" eb="9">
      <t>ヒガシナカハマ</t>
    </rPh>
    <rPh sb="9" eb="10">
      <t>サン</t>
    </rPh>
    <rPh sb="10" eb="12">
      <t>チョウメ</t>
    </rPh>
    <rPh sb="13" eb="14">
      <t>バン</t>
    </rPh>
    <rPh sb="16" eb="17">
      <t>ゴウ</t>
    </rPh>
    <phoneticPr fontId="6"/>
  </si>
  <si>
    <t>大阪市天王寺区堂ヶ芝一丁目１１番２０号</t>
    <rPh sb="0" eb="2">
      <t>オオサカ</t>
    </rPh>
    <rPh sb="2" eb="3">
      <t>シ</t>
    </rPh>
    <rPh sb="3" eb="6">
      <t>テンノウジ</t>
    </rPh>
    <rPh sb="6" eb="7">
      <t>ク</t>
    </rPh>
    <rPh sb="7" eb="8">
      <t>ドウ</t>
    </rPh>
    <rPh sb="9" eb="10">
      <t>シバ</t>
    </rPh>
    <rPh sb="10" eb="11">
      <t>イチ</t>
    </rPh>
    <rPh sb="11" eb="13">
      <t>チョウメ</t>
    </rPh>
    <rPh sb="15" eb="16">
      <t>バン</t>
    </rPh>
    <rPh sb="18" eb="19">
      <t>ゴウ</t>
    </rPh>
    <phoneticPr fontId="6"/>
  </si>
  <si>
    <t>大阪市北区梅田二丁目４番７号</t>
    <rPh sb="0" eb="2">
      <t>オオサカ</t>
    </rPh>
    <rPh sb="2" eb="3">
      <t>シ</t>
    </rPh>
    <rPh sb="3" eb="5">
      <t>キタク</t>
    </rPh>
    <rPh sb="5" eb="7">
      <t>ウメダ</t>
    </rPh>
    <rPh sb="7" eb="8">
      <t>ニ</t>
    </rPh>
    <rPh sb="8" eb="10">
      <t>チョウメ</t>
    </rPh>
    <rPh sb="11" eb="12">
      <t>バン</t>
    </rPh>
    <rPh sb="13" eb="14">
      <t>ゴウ</t>
    </rPh>
    <phoneticPr fontId="6"/>
  </si>
  <si>
    <t>大阪市住之江区粉浜一丁目１番３２号　キリンドプラザ手塚山２Ｆ</t>
    <rPh sb="0" eb="2">
      <t>オオサカ</t>
    </rPh>
    <rPh sb="2" eb="3">
      <t>シ</t>
    </rPh>
    <rPh sb="3" eb="7">
      <t>スミノエク</t>
    </rPh>
    <rPh sb="7" eb="9">
      <t>コハマ</t>
    </rPh>
    <rPh sb="9" eb="10">
      <t>イチ</t>
    </rPh>
    <rPh sb="10" eb="12">
      <t>チョウメ</t>
    </rPh>
    <rPh sb="13" eb="14">
      <t>バン</t>
    </rPh>
    <rPh sb="16" eb="17">
      <t>ゴウ</t>
    </rPh>
    <rPh sb="25" eb="27">
      <t>テヅカ</t>
    </rPh>
    <rPh sb="27" eb="28">
      <t>ヤマ</t>
    </rPh>
    <phoneticPr fontId="6"/>
  </si>
  <si>
    <t>大阪市西区南堀江四丁目４番２０号　アーデンタワー南堀江１階</t>
    <rPh sb="0" eb="2">
      <t>オオサカ</t>
    </rPh>
    <rPh sb="2" eb="3">
      <t>シ</t>
    </rPh>
    <rPh sb="3" eb="5">
      <t>ニシク</t>
    </rPh>
    <rPh sb="5" eb="6">
      <t>ミナミ</t>
    </rPh>
    <rPh sb="6" eb="8">
      <t>ホリエ</t>
    </rPh>
    <rPh sb="8" eb="9">
      <t>ヨン</t>
    </rPh>
    <rPh sb="9" eb="11">
      <t>チョウメ</t>
    </rPh>
    <rPh sb="12" eb="13">
      <t>バン</t>
    </rPh>
    <rPh sb="15" eb="16">
      <t>ゴウ</t>
    </rPh>
    <rPh sb="24" eb="27">
      <t>ミナミホリエ</t>
    </rPh>
    <rPh sb="28" eb="29">
      <t>カイ</t>
    </rPh>
    <phoneticPr fontId="6"/>
  </si>
  <si>
    <t>大阪市浪速区浪速東三丁目９番１号</t>
    <rPh sb="0" eb="2">
      <t>オオサカ</t>
    </rPh>
    <rPh sb="2" eb="3">
      <t>シ</t>
    </rPh>
    <rPh sb="3" eb="6">
      <t>ナニワク</t>
    </rPh>
    <rPh sb="6" eb="8">
      <t>ナニワ</t>
    </rPh>
    <rPh sb="8" eb="9">
      <t>ヒガシ</t>
    </rPh>
    <rPh sb="9" eb="10">
      <t>サン</t>
    </rPh>
    <rPh sb="10" eb="12">
      <t>チョウメ</t>
    </rPh>
    <rPh sb="13" eb="14">
      <t>バン</t>
    </rPh>
    <rPh sb="15" eb="16">
      <t>ゴウ</t>
    </rPh>
    <phoneticPr fontId="6"/>
  </si>
  <si>
    <t>大阪市淀川区三津屋北一丁目１６番５号　アドモアコート神崎川１階</t>
    <rPh sb="0" eb="2">
      <t>オオサカ</t>
    </rPh>
    <rPh sb="2" eb="3">
      <t>シ</t>
    </rPh>
    <rPh sb="3" eb="6">
      <t>ヨドガワク</t>
    </rPh>
    <rPh sb="6" eb="9">
      <t>ミツヤ</t>
    </rPh>
    <rPh sb="9" eb="10">
      <t>キタ</t>
    </rPh>
    <rPh sb="10" eb="11">
      <t>イチ</t>
    </rPh>
    <rPh sb="11" eb="13">
      <t>チョウメ</t>
    </rPh>
    <rPh sb="15" eb="16">
      <t>バン</t>
    </rPh>
    <rPh sb="17" eb="18">
      <t>ゴウ</t>
    </rPh>
    <rPh sb="26" eb="28">
      <t>カンザキ</t>
    </rPh>
    <rPh sb="28" eb="29">
      <t>カワ</t>
    </rPh>
    <rPh sb="30" eb="31">
      <t>カイ</t>
    </rPh>
    <phoneticPr fontId="6"/>
  </si>
  <si>
    <t>大阪市阿倍野区西田辺町二丁目９番８号</t>
    <rPh sb="0" eb="3">
      <t>オオサカシ</t>
    </rPh>
    <rPh sb="3" eb="7">
      <t>アベノク</t>
    </rPh>
    <rPh sb="7" eb="8">
      <t>ニシ</t>
    </rPh>
    <rPh sb="8" eb="10">
      <t>タナベ</t>
    </rPh>
    <rPh sb="10" eb="11">
      <t>マチ</t>
    </rPh>
    <rPh sb="11" eb="12">
      <t>ニ</t>
    </rPh>
    <rPh sb="12" eb="14">
      <t>チョウメ</t>
    </rPh>
    <rPh sb="15" eb="16">
      <t>バン</t>
    </rPh>
    <rPh sb="17" eb="18">
      <t>ゴウ</t>
    </rPh>
    <phoneticPr fontId="6"/>
  </si>
  <si>
    <t>大阪市中央区本町二丁目３番９号　ＪＰＳ本町ビルディング８階</t>
    <rPh sb="0" eb="2">
      <t>オオサカ</t>
    </rPh>
    <rPh sb="2" eb="3">
      <t>シ</t>
    </rPh>
    <rPh sb="3" eb="6">
      <t>チュウオウク</t>
    </rPh>
    <rPh sb="6" eb="8">
      <t>ホンマチ</t>
    </rPh>
    <rPh sb="8" eb="9">
      <t>ニ</t>
    </rPh>
    <rPh sb="9" eb="11">
      <t>チョウメ</t>
    </rPh>
    <rPh sb="12" eb="13">
      <t>バン</t>
    </rPh>
    <rPh sb="14" eb="15">
      <t>ゴウ</t>
    </rPh>
    <rPh sb="19" eb="21">
      <t>ホンマチ</t>
    </rPh>
    <rPh sb="28" eb="29">
      <t>カイ</t>
    </rPh>
    <phoneticPr fontId="6"/>
  </si>
  <si>
    <t>大阪市平野区瓜破一丁目６番６号　グランドール南平野１階</t>
    <rPh sb="0" eb="2">
      <t>オオサカ</t>
    </rPh>
    <rPh sb="2" eb="3">
      <t>シ</t>
    </rPh>
    <rPh sb="3" eb="6">
      <t>ヒラノク</t>
    </rPh>
    <rPh sb="6" eb="8">
      <t>ウリワリ</t>
    </rPh>
    <rPh sb="8" eb="9">
      <t>イチ</t>
    </rPh>
    <rPh sb="9" eb="11">
      <t>チョウメ</t>
    </rPh>
    <rPh sb="12" eb="13">
      <t>バン</t>
    </rPh>
    <rPh sb="14" eb="15">
      <t>ゴウ</t>
    </rPh>
    <rPh sb="22" eb="23">
      <t>ミナミ</t>
    </rPh>
    <rPh sb="23" eb="25">
      <t>ヒラノ</t>
    </rPh>
    <rPh sb="26" eb="27">
      <t>カイ</t>
    </rPh>
    <phoneticPr fontId="6"/>
  </si>
  <si>
    <t>大阪市平野区喜連東五丁目１６番２２号</t>
    <rPh sb="0" eb="2">
      <t>オオサカ</t>
    </rPh>
    <rPh sb="2" eb="3">
      <t>シ</t>
    </rPh>
    <rPh sb="3" eb="6">
      <t>ヒラノク</t>
    </rPh>
    <rPh sb="6" eb="8">
      <t>キレ</t>
    </rPh>
    <rPh sb="8" eb="9">
      <t>ヒガシ</t>
    </rPh>
    <rPh sb="9" eb="12">
      <t>ゴチョウメ</t>
    </rPh>
    <rPh sb="14" eb="15">
      <t>バン</t>
    </rPh>
    <rPh sb="17" eb="18">
      <t>ゴウ</t>
    </rPh>
    <phoneticPr fontId="6"/>
  </si>
  <si>
    <t>大阪市大正区北村一丁目１７番７号</t>
    <rPh sb="0" eb="2">
      <t>オオサカ</t>
    </rPh>
    <rPh sb="2" eb="3">
      <t>シ</t>
    </rPh>
    <rPh sb="3" eb="5">
      <t>タイショウ</t>
    </rPh>
    <rPh sb="5" eb="6">
      <t>ク</t>
    </rPh>
    <rPh sb="6" eb="8">
      <t>キタムラ</t>
    </rPh>
    <rPh sb="8" eb="9">
      <t>イチ</t>
    </rPh>
    <rPh sb="9" eb="11">
      <t>チョウメ</t>
    </rPh>
    <rPh sb="13" eb="14">
      <t>バン</t>
    </rPh>
    <rPh sb="15" eb="16">
      <t>ゴウ</t>
    </rPh>
    <phoneticPr fontId="6"/>
  </si>
  <si>
    <t>大阪市淀川区宮原一丁目６番１号</t>
    <rPh sb="0" eb="2">
      <t>オオサカ</t>
    </rPh>
    <rPh sb="2" eb="3">
      <t>シ</t>
    </rPh>
    <rPh sb="3" eb="5">
      <t>ヨドガワ</t>
    </rPh>
    <rPh sb="5" eb="6">
      <t>ク</t>
    </rPh>
    <rPh sb="6" eb="8">
      <t>ミヤハラ</t>
    </rPh>
    <rPh sb="8" eb="9">
      <t>イチ</t>
    </rPh>
    <rPh sb="9" eb="11">
      <t>チョウメ</t>
    </rPh>
    <rPh sb="12" eb="13">
      <t>バン</t>
    </rPh>
    <rPh sb="14" eb="15">
      <t>ゴウ</t>
    </rPh>
    <phoneticPr fontId="6"/>
  </si>
  <si>
    <t>大阪市鶴見区諸口二丁目４番１０号</t>
    <rPh sb="0" eb="2">
      <t>オオサカ</t>
    </rPh>
    <rPh sb="2" eb="3">
      <t>シ</t>
    </rPh>
    <rPh sb="3" eb="6">
      <t>ツルミク</t>
    </rPh>
    <rPh sb="6" eb="7">
      <t>モロ</t>
    </rPh>
    <rPh sb="7" eb="8">
      <t>グチ</t>
    </rPh>
    <rPh sb="8" eb="9">
      <t>ニ</t>
    </rPh>
    <rPh sb="9" eb="11">
      <t>チョウメ</t>
    </rPh>
    <rPh sb="12" eb="13">
      <t>バン</t>
    </rPh>
    <rPh sb="15" eb="16">
      <t>ゴウ</t>
    </rPh>
    <phoneticPr fontId="6"/>
  </si>
  <si>
    <t>大阪市福島区海老江一丁目２番１７号　阪神野田駅前ノーサイドビル１F</t>
    <rPh sb="0" eb="2">
      <t>オオサカ</t>
    </rPh>
    <rPh sb="2" eb="3">
      <t>シ</t>
    </rPh>
    <rPh sb="3" eb="6">
      <t>フクシマク</t>
    </rPh>
    <rPh sb="6" eb="9">
      <t>エビエ</t>
    </rPh>
    <rPh sb="9" eb="10">
      <t>イチ</t>
    </rPh>
    <rPh sb="10" eb="12">
      <t>チョウメ</t>
    </rPh>
    <rPh sb="13" eb="14">
      <t>バン</t>
    </rPh>
    <rPh sb="16" eb="17">
      <t>ゴウ</t>
    </rPh>
    <rPh sb="18" eb="20">
      <t>ハンシン</t>
    </rPh>
    <rPh sb="20" eb="22">
      <t>ノダ</t>
    </rPh>
    <rPh sb="22" eb="24">
      <t>エキマエ</t>
    </rPh>
    <phoneticPr fontId="6"/>
  </si>
  <si>
    <t>大阪市北区曽根崎新地二丁目１番２１号　桜橋深川ビル４階</t>
    <rPh sb="0" eb="2">
      <t>オオサカ</t>
    </rPh>
    <rPh sb="2" eb="3">
      <t>シ</t>
    </rPh>
    <rPh sb="3" eb="5">
      <t>キタク</t>
    </rPh>
    <rPh sb="5" eb="8">
      <t>ソネザキ</t>
    </rPh>
    <rPh sb="8" eb="9">
      <t>シン</t>
    </rPh>
    <rPh sb="9" eb="10">
      <t>チ</t>
    </rPh>
    <rPh sb="10" eb="11">
      <t>ニ</t>
    </rPh>
    <rPh sb="11" eb="13">
      <t>チョウメ</t>
    </rPh>
    <rPh sb="14" eb="15">
      <t>バン</t>
    </rPh>
    <rPh sb="17" eb="18">
      <t>ゴウ</t>
    </rPh>
    <rPh sb="19" eb="21">
      <t>サクラバシ</t>
    </rPh>
    <rPh sb="21" eb="23">
      <t>フカガワ</t>
    </rPh>
    <rPh sb="26" eb="27">
      <t>カイ</t>
    </rPh>
    <phoneticPr fontId="6"/>
  </si>
  <si>
    <t>大阪市中央区南船場一丁目１０番１２号</t>
    <rPh sb="0" eb="3">
      <t>オオサカシ</t>
    </rPh>
    <rPh sb="3" eb="6">
      <t>チュウオウク</t>
    </rPh>
    <rPh sb="6" eb="9">
      <t>ミナミセンバ</t>
    </rPh>
    <rPh sb="9" eb="12">
      <t>イッチョウメ</t>
    </rPh>
    <rPh sb="14" eb="15">
      <t>バン</t>
    </rPh>
    <rPh sb="17" eb="18">
      <t>ゴウ</t>
    </rPh>
    <phoneticPr fontId="3"/>
  </si>
  <si>
    <t>大阪市北区曽根崎新地一丁目３番１６号</t>
    <rPh sb="0" eb="2">
      <t>オオサカ</t>
    </rPh>
    <rPh sb="2" eb="3">
      <t>シ</t>
    </rPh>
    <rPh sb="3" eb="5">
      <t>キタク</t>
    </rPh>
    <rPh sb="5" eb="8">
      <t>ソネザキ</t>
    </rPh>
    <rPh sb="8" eb="9">
      <t>シン</t>
    </rPh>
    <rPh sb="9" eb="10">
      <t>チ</t>
    </rPh>
    <rPh sb="10" eb="11">
      <t>イチ</t>
    </rPh>
    <rPh sb="11" eb="13">
      <t>チョウメ</t>
    </rPh>
    <rPh sb="14" eb="15">
      <t>バン</t>
    </rPh>
    <rPh sb="17" eb="18">
      <t>ゴウ</t>
    </rPh>
    <phoneticPr fontId="3"/>
  </si>
  <si>
    <t>大阪市西成区長橋三丁目７番２８号　ブランコート１０１号</t>
    <rPh sb="0" eb="3">
      <t>オオサカシ</t>
    </rPh>
    <rPh sb="3" eb="5">
      <t>ニシナリ</t>
    </rPh>
    <rPh sb="5" eb="6">
      <t>ク</t>
    </rPh>
    <rPh sb="6" eb="7">
      <t>ナガ</t>
    </rPh>
    <rPh sb="7" eb="8">
      <t>ハシ</t>
    </rPh>
    <rPh sb="8" eb="9">
      <t>サン</t>
    </rPh>
    <rPh sb="9" eb="11">
      <t>チョウメ</t>
    </rPh>
    <rPh sb="12" eb="13">
      <t>バン</t>
    </rPh>
    <rPh sb="15" eb="16">
      <t>ゴウ</t>
    </rPh>
    <rPh sb="26" eb="27">
      <t>ゴウ</t>
    </rPh>
    <phoneticPr fontId="3"/>
  </si>
  <si>
    <t>大阪市福島区吉野二丁目１５番９号</t>
    <rPh sb="0" eb="2">
      <t>オオサカ</t>
    </rPh>
    <rPh sb="2" eb="3">
      <t>シ</t>
    </rPh>
    <rPh sb="3" eb="6">
      <t>フクシマク</t>
    </rPh>
    <rPh sb="6" eb="8">
      <t>ヨシノ</t>
    </rPh>
    <rPh sb="8" eb="9">
      <t>ニ</t>
    </rPh>
    <rPh sb="9" eb="11">
      <t>チョウメ</t>
    </rPh>
    <rPh sb="13" eb="14">
      <t>バン</t>
    </rPh>
    <rPh sb="15" eb="16">
      <t>ゴウ</t>
    </rPh>
    <phoneticPr fontId="3"/>
  </si>
  <si>
    <t>大阪市北区天神橋五丁目８番１２号</t>
    <rPh sb="0" eb="2">
      <t>オオサカ</t>
    </rPh>
    <rPh sb="2" eb="3">
      <t>シ</t>
    </rPh>
    <rPh sb="3" eb="5">
      <t>キタク</t>
    </rPh>
    <rPh sb="5" eb="7">
      <t>テンジン</t>
    </rPh>
    <rPh sb="7" eb="8">
      <t>バシ</t>
    </rPh>
    <rPh sb="8" eb="9">
      <t>ゴ</t>
    </rPh>
    <rPh sb="9" eb="11">
      <t>チョウメ</t>
    </rPh>
    <rPh sb="12" eb="13">
      <t>バン</t>
    </rPh>
    <rPh sb="15" eb="16">
      <t>ゴウ</t>
    </rPh>
    <phoneticPr fontId="3"/>
  </si>
  <si>
    <t>大阪市都島区中野町五丁目１３番４号　桜宮リバーシティタワープラザアベニュー１階</t>
    <rPh sb="0" eb="2">
      <t>オオサカ</t>
    </rPh>
    <rPh sb="2" eb="3">
      <t>シ</t>
    </rPh>
    <rPh sb="3" eb="6">
      <t>ミヤコジマク</t>
    </rPh>
    <rPh sb="6" eb="7">
      <t>ナカ</t>
    </rPh>
    <rPh sb="9" eb="12">
      <t>ゴチョウメ</t>
    </rPh>
    <rPh sb="14" eb="15">
      <t>バン</t>
    </rPh>
    <rPh sb="16" eb="17">
      <t>ゴウ</t>
    </rPh>
    <rPh sb="18" eb="19">
      <t>サクラ</t>
    </rPh>
    <rPh sb="19" eb="20">
      <t>ミヤ</t>
    </rPh>
    <rPh sb="38" eb="39">
      <t>カイ</t>
    </rPh>
    <phoneticPr fontId="3"/>
  </si>
  <si>
    <t>大阪市中央区南本町二丁目２番３号</t>
    <rPh sb="0" eb="3">
      <t>オオサカシ</t>
    </rPh>
    <rPh sb="3" eb="6">
      <t>チュウオウク</t>
    </rPh>
    <rPh sb="6" eb="9">
      <t>ミナミホンチョウ</t>
    </rPh>
    <rPh sb="9" eb="12">
      <t>ニチョウメ</t>
    </rPh>
    <rPh sb="13" eb="14">
      <t>バン</t>
    </rPh>
    <rPh sb="15" eb="16">
      <t>ゴウ</t>
    </rPh>
    <phoneticPr fontId="3"/>
  </si>
  <si>
    <t>医療法人　富喜会</t>
    <phoneticPr fontId="6"/>
  </si>
  <si>
    <t>医療法人　三栄会</t>
    <phoneticPr fontId="6"/>
  </si>
  <si>
    <t>医療法人　大彌会</t>
    <phoneticPr fontId="6"/>
  </si>
  <si>
    <t>医療法人　はぶ眼科</t>
    <phoneticPr fontId="6"/>
  </si>
  <si>
    <t>医療法人　拓愛会</t>
    <phoneticPr fontId="6"/>
  </si>
  <si>
    <t>医療法人　真光会</t>
    <phoneticPr fontId="6"/>
  </si>
  <si>
    <t>医療法人　悠亜会</t>
    <phoneticPr fontId="6"/>
  </si>
  <si>
    <t>医療法人　なかたに整形外科クリニック</t>
    <phoneticPr fontId="6"/>
  </si>
  <si>
    <t>医療法人　てらお耳鼻咽喉科</t>
    <phoneticPr fontId="6"/>
  </si>
  <si>
    <t>医療法人　島野医院</t>
    <phoneticPr fontId="6"/>
  </si>
  <si>
    <t>医療法人　創和会</t>
    <phoneticPr fontId="6"/>
  </si>
  <si>
    <t>医療法人　恵真会</t>
    <phoneticPr fontId="6"/>
  </si>
  <si>
    <t>医療法人　純正会</t>
    <phoneticPr fontId="6"/>
  </si>
  <si>
    <t>医療法人　しもむら本町レディースクリニック</t>
    <phoneticPr fontId="6"/>
  </si>
  <si>
    <t>医療法人　ゆたかマタニティ超音波クリニック</t>
    <phoneticPr fontId="6"/>
  </si>
  <si>
    <t>医療法人　一幸会</t>
    <phoneticPr fontId="6"/>
  </si>
  <si>
    <t>医療法人　謙和会ほんしょう内科クリニック</t>
    <phoneticPr fontId="6"/>
  </si>
  <si>
    <t>医療法人　なごみ会</t>
    <phoneticPr fontId="6"/>
  </si>
  <si>
    <t>医療法人　朋桜会</t>
    <phoneticPr fontId="6"/>
  </si>
  <si>
    <t>医療法人　あさひ耳鼻咽喉科</t>
    <phoneticPr fontId="6"/>
  </si>
  <si>
    <t>医療法人　煌永会</t>
    <phoneticPr fontId="6"/>
  </si>
  <si>
    <t>医療法人　あいデンタルグループ</t>
    <phoneticPr fontId="6"/>
  </si>
  <si>
    <t>医療法人　梅田リンガル</t>
    <phoneticPr fontId="6"/>
  </si>
  <si>
    <t>医療法人　昂陽右会</t>
    <phoneticPr fontId="6"/>
  </si>
  <si>
    <t>医療法人　悠心会</t>
    <phoneticPr fontId="6"/>
  </si>
  <si>
    <t>医療法人　たけのこ会</t>
    <phoneticPr fontId="6"/>
  </si>
  <si>
    <t>医療法人　雅会</t>
    <phoneticPr fontId="6"/>
  </si>
  <si>
    <t>医療法人　樹栄会</t>
    <phoneticPr fontId="6"/>
  </si>
  <si>
    <t>天王寺区</t>
    <phoneticPr fontId="3"/>
  </si>
  <si>
    <t>東淀川区</t>
    <phoneticPr fontId="3"/>
  </si>
  <si>
    <t>大阪市西淀川区千舟二丁目１５番２８号</t>
    <rPh sb="0" eb="2">
      <t>オオサカ</t>
    </rPh>
    <rPh sb="2" eb="3">
      <t>シ</t>
    </rPh>
    <rPh sb="3" eb="6">
      <t>ニシヨドガワ</t>
    </rPh>
    <rPh sb="6" eb="7">
      <t>ク</t>
    </rPh>
    <rPh sb="7" eb="9">
      <t>チブネ</t>
    </rPh>
    <rPh sb="9" eb="12">
      <t>ニチョウメ</t>
    </rPh>
    <rPh sb="14" eb="15">
      <t>バン</t>
    </rPh>
    <rPh sb="17" eb="18">
      <t>ゴウ</t>
    </rPh>
    <phoneticPr fontId="6"/>
  </si>
  <si>
    <t>西淀川区</t>
    <phoneticPr fontId="3"/>
  </si>
  <si>
    <t>西区</t>
    <phoneticPr fontId="3"/>
  </si>
  <si>
    <t>天王寺区</t>
    <phoneticPr fontId="3"/>
  </si>
  <si>
    <t>浪速区</t>
    <phoneticPr fontId="3"/>
  </si>
  <si>
    <t>淀川区</t>
    <phoneticPr fontId="3"/>
  </si>
  <si>
    <t>平野区</t>
    <phoneticPr fontId="3"/>
  </si>
  <si>
    <t>中央区</t>
    <phoneticPr fontId="3"/>
  </si>
  <si>
    <t>中央区</t>
    <phoneticPr fontId="3"/>
  </si>
  <si>
    <t>都島区</t>
    <phoneticPr fontId="3"/>
  </si>
  <si>
    <t>医療法人　杉浦内科</t>
    <rPh sb="0" eb="2">
      <t>イリョウ</t>
    </rPh>
    <rPh sb="2" eb="4">
      <t>ホウジン</t>
    </rPh>
    <rPh sb="5" eb="7">
      <t>スギウラ</t>
    </rPh>
    <rPh sb="7" eb="9">
      <t>ナイカ</t>
    </rPh>
    <phoneticPr fontId="3"/>
  </si>
  <si>
    <t>大阪市北区天満橋1-8-30OAPタワービル12階</t>
    <rPh sb="0" eb="3">
      <t>オオサカシ</t>
    </rPh>
    <rPh sb="3" eb="5">
      <t>キタク</t>
    </rPh>
    <rPh sb="5" eb="8">
      <t>テンマバシ</t>
    </rPh>
    <rPh sb="24" eb="25">
      <t>カイ</t>
    </rPh>
    <phoneticPr fontId="3"/>
  </si>
  <si>
    <t>医療法人　健友会</t>
    <rPh sb="5" eb="8">
      <t>ケンユウカイ</t>
    </rPh>
    <rPh sb="7" eb="8">
      <t>カイ</t>
    </rPh>
    <phoneticPr fontId="3"/>
  </si>
  <si>
    <t>医療法人　葵会</t>
    <rPh sb="0" eb="2">
      <t>イリョウ</t>
    </rPh>
    <rPh sb="2" eb="4">
      <t>ホウジン</t>
    </rPh>
    <rPh sb="5" eb="6">
      <t>アオイ</t>
    </rPh>
    <rPh sb="6" eb="7">
      <t>カイ</t>
    </rPh>
    <phoneticPr fontId="3"/>
  </si>
  <si>
    <t>医療法人　宏明会</t>
    <phoneticPr fontId="3"/>
  </si>
  <si>
    <t>医療法人　健生会</t>
    <rPh sb="5" eb="6">
      <t>ケン</t>
    </rPh>
    <rPh sb="6" eb="7">
      <t>ナマ</t>
    </rPh>
    <rPh sb="7" eb="8">
      <t>カイ</t>
    </rPh>
    <phoneticPr fontId="3"/>
  </si>
  <si>
    <t>医療法人　出藍会</t>
    <rPh sb="5" eb="6">
      <t>デ</t>
    </rPh>
    <rPh sb="6" eb="7">
      <t>アイ</t>
    </rPh>
    <phoneticPr fontId="3"/>
  </si>
  <si>
    <t>大阪市北区曽根崎2-15-24-2F</t>
    <rPh sb="3" eb="5">
      <t>キタク</t>
    </rPh>
    <rPh sb="5" eb="8">
      <t>ソネザキ</t>
    </rPh>
    <phoneticPr fontId="3"/>
  </si>
  <si>
    <t>医療法人　憲諒会</t>
    <rPh sb="5" eb="6">
      <t>ケン</t>
    </rPh>
    <rPh sb="6" eb="7">
      <t>リョウ</t>
    </rPh>
    <rPh sb="7" eb="8">
      <t>カイ</t>
    </rPh>
    <phoneticPr fontId="3"/>
  </si>
  <si>
    <t>医療法人　ナチュラル内科クリニック</t>
    <rPh sb="10" eb="12">
      <t>ナイカ</t>
    </rPh>
    <phoneticPr fontId="3"/>
  </si>
  <si>
    <t>大阪市生野区林寺6-2-15</t>
    <rPh sb="0" eb="3">
      <t>オオサカシ</t>
    </rPh>
    <rPh sb="3" eb="6">
      <t>イクノク</t>
    </rPh>
    <rPh sb="6" eb="7">
      <t>ハヤシ</t>
    </rPh>
    <rPh sb="7" eb="8">
      <t>テラ</t>
    </rPh>
    <phoneticPr fontId="3"/>
  </si>
  <si>
    <t>大阪市都島区友渕町2-12-21</t>
    <phoneticPr fontId="3"/>
  </si>
  <si>
    <t>医療法人　いつき会</t>
    <rPh sb="8" eb="9">
      <t>カイ</t>
    </rPh>
    <phoneticPr fontId="3"/>
  </si>
  <si>
    <t>医療法人　恵彰会</t>
    <rPh sb="5" eb="6">
      <t>メグ</t>
    </rPh>
    <rPh sb="6" eb="7">
      <t>アキラ</t>
    </rPh>
    <phoneticPr fontId="3"/>
  </si>
  <si>
    <t>大阪市鶴見区安田1-8-3</t>
    <rPh sb="6" eb="8">
      <t>ヤスダ</t>
    </rPh>
    <phoneticPr fontId="3"/>
  </si>
  <si>
    <t>医療法人　伊東内科クリニック</t>
    <rPh sb="0" eb="2">
      <t>イリョウ</t>
    </rPh>
    <rPh sb="2" eb="4">
      <t>ホウジン</t>
    </rPh>
    <rPh sb="5" eb="6">
      <t>イ</t>
    </rPh>
    <rPh sb="6" eb="7">
      <t>ヒガシ</t>
    </rPh>
    <rPh sb="7" eb="9">
      <t>ナイカ</t>
    </rPh>
    <phoneticPr fontId="3"/>
  </si>
  <si>
    <t>大阪市天王寺区悲田院町10-48 天王寺ｽﾃｰｼｮﾝﾋﾞﾙ6階</t>
    <phoneticPr fontId="3"/>
  </si>
  <si>
    <t>医療法人　新生クリニック</t>
    <rPh sb="5" eb="6">
      <t>シン</t>
    </rPh>
    <rPh sb="6" eb="7">
      <t>ナマ</t>
    </rPh>
    <phoneticPr fontId="3"/>
  </si>
  <si>
    <t>医療法人　再美会</t>
    <rPh sb="0" eb="2">
      <t>イリョウ</t>
    </rPh>
    <rPh sb="2" eb="4">
      <t>ホウジン</t>
    </rPh>
    <rPh sb="5" eb="6">
      <t>サイ</t>
    </rPh>
    <rPh sb="6" eb="7">
      <t>ビ</t>
    </rPh>
    <rPh sb="7" eb="8">
      <t>カイ</t>
    </rPh>
    <phoneticPr fontId="3"/>
  </si>
  <si>
    <t>大阪市北区西天満5-16-3 西天満ファイブビル5階</t>
    <rPh sb="3" eb="5">
      <t>キタク</t>
    </rPh>
    <rPh sb="5" eb="8">
      <t>ニシテンマ</t>
    </rPh>
    <rPh sb="15" eb="18">
      <t>ニシテンマ</t>
    </rPh>
    <rPh sb="25" eb="26">
      <t>カイ</t>
    </rPh>
    <phoneticPr fontId="3"/>
  </si>
  <si>
    <t>医療法人　全人会</t>
    <rPh sb="5" eb="7">
      <t>ゼンジン</t>
    </rPh>
    <phoneticPr fontId="3"/>
  </si>
  <si>
    <t>医療法人　目真会</t>
    <rPh sb="5" eb="6">
      <t>モク</t>
    </rPh>
    <rPh sb="6" eb="7">
      <t>シン</t>
    </rPh>
    <phoneticPr fontId="3"/>
  </si>
  <si>
    <t>医療法人　勇拓会</t>
    <rPh sb="5" eb="6">
      <t>ユウ</t>
    </rPh>
    <rPh sb="6" eb="7">
      <t>タク</t>
    </rPh>
    <phoneticPr fontId="3"/>
  </si>
  <si>
    <t>医療法人　みつば会</t>
    <phoneticPr fontId="3"/>
  </si>
  <si>
    <t>医療法人　花凛会</t>
    <rPh sb="5" eb="6">
      <t>カ</t>
    </rPh>
    <rPh sb="6" eb="7">
      <t>リン</t>
    </rPh>
    <phoneticPr fontId="3"/>
  </si>
  <si>
    <t>医療法人　希望の森</t>
    <rPh sb="5" eb="7">
      <t>キボウ</t>
    </rPh>
    <rPh sb="8" eb="9">
      <t>モリ</t>
    </rPh>
    <phoneticPr fontId="3"/>
  </si>
  <si>
    <t>医療法人　悠敬会</t>
    <rPh sb="5" eb="6">
      <t>ユウ</t>
    </rPh>
    <rPh sb="6" eb="7">
      <t>ケイ</t>
    </rPh>
    <phoneticPr fontId="3"/>
  </si>
  <si>
    <t>医療法人　医益会</t>
    <rPh sb="5" eb="6">
      <t>イ</t>
    </rPh>
    <rPh sb="6" eb="7">
      <t>エキ</t>
    </rPh>
    <phoneticPr fontId="3"/>
  </si>
  <si>
    <t>医療法人　癒しの杜</t>
    <rPh sb="5" eb="6">
      <t>イヤ</t>
    </rPh>
    <rPh sb="8" eb="9">
      <t>モリ</t>
    </rPh>
    <phoneticPr fontId="3"/>
  </si>
  <si>
    <t>医療法人　幸生会</t>
    <rPh sb="5" eb="6">
      <t>コウ</t>
    </rPh>
    <rPh sb="6" eb="7">
      <t>セイ</t>
    </rPh>
    <phoneticPr fontId="3"/>
  </si>
  <si>
    <t>医療法人　西山会</t>
    <rPh sb="5" eb="7">
      <t>ニシヤマ</t>
    </rPh>
    <rPh sb="7" eb="8">
      <t>カイ</t>
    </rPh>
    <phoneticPr fontId="3"/>
  </si>
  <si>
    <t>大阪市中央区南船場四丁目１１番１９号　心斎橋鉄田ビル３階</t>
    <rPh sb="0" eb="3">
      <t>オオサカシ</t>
    </rPh>
    <rPh sb="3" eb="5">
      <t>チュウオウ</t>
    </rPh>
    <rPh sb="5" eb="6">
      <t>ク</t>
    </rPh>
    <rPh sb="6" eb="7">
      <t>ミナミ</t>
    </rPh>
    <rPh sb="7" eb="9">
      <t>センバ</t>
    </rPh>
    <rPh sb="9" eb="10">
      <t>ヨン</t>
    </rPh>
    <rPh sb="10" eb="12">
      <t>チョウメ</t>
    </rPh>
    <rPh sb="14" eb="15">
      <t>バン</t>
    </rPh>
    <rPh sb="17" eb="18">
      <t>ゴウ</t>
    </rPh>
    <rPh sb="19" eb="20">
      <t>シン</t>
    </rPh>
    <rPh sb="20" eb="21">
      <t>サイ</t>
    </rPh>
    <rPh sb="21" eb="22">
      <t>ハシ</t>
    </rPh>
    <rPh sb="22" eb="23">
      <t>テツ</t>
    </rPh>
    <rPh sb="23" eb="24">
      <t>タ</t>
    </rPh>
    <rPh sb="27" eb="28">
      <t>カイ</t>
    </rPh>
    <phoneticPr fontId="6"/>
  </si>
  <si>
    <t>大阪市北区中津一丁目１２番３号　中津パークビル６F</t>
    <rPh sb="0" eb="3">
      <t>オオサカシ</t>
    </rPh>
    <rPh sb="3" eb="5">
      <t>キタク</t>
    </rPh>
    <rPh sb="5" eb="7">
      <t>ナカツ</t>
    </rPh>
    <rPh sb="7" eb="8">
      <t>イチ</t>
    </rPh>
    <rPh sb="8" eb="10">
      <t>チョウメ</t>
    </rPh>
    <rPh sb="12" eb="13">
      <t>バン</t>
    </rPh>
    <rPh sb="14" eb="15">
      <t>ゴウ</t>
    </rPh>
    <rPh sb="16" eb="18">
      <t>ナカツ</t>
    </rPh>
    <phoneticPr fontId="6"/>
  </si>
  <si>
    <t>大阪市西成区玉出中二丁目１５番２１号  HKビル４階</t>
    <rPh sb="0" eb="3">
      <t>オオサカシ</t>
    </rPh>
    <rPh sb="3" eb="6">
      <t>ニシナリク</t>
    </rPh>
    <rPh sb="6" eb="7">
      <t>タマ</t>
    </rPh>
    <rPh sb="7" eb="8">
      <t>デ</t>
    </rPh>
    <rPh sb="8" eb="9">
      <t>ナカ</t>
    </rPh>
    <rPh sb="9" eb="10">
      <t>ニ</t>
    </rPh>
    <rPh sb="10" eb="12">
      <t>チョウメ</t>
    </rPh>
    <rPh sb="14" eb="15">
      <t>バン</t>
    </rPh>
    <rPh sb="17" eb="18">
      <t>ゴウ</t>
    </rPh>
    <rPh sb="25" eb="26">
      <t>カイ</t>
    </rPh>
    <phoneticPr fontId="6"/>
  </si>
  <si>
    <t>大阪市此花区四貫島二丁目４番３号</t>
    <rPh sb="0" eb="3">
      <t>オオサカシ</t>
    </rPh>
    <rPh sb="3" eb="6">
      <t>コノハナク</t>
    </rPh>
    <rPh sb="6" eb="7">
      <t>ヨン</t>
    </rPh>
    <rPh sb="7" eb="8">
      <t>カン</t>
    </rPh>
    <rPh sb="8" eb="9">
      <t>シマ</t>
    </rPh>
    <rPh sb="9" eb="10">
      <t>ニ</t>
    </rPh>
    <rPh sb="10" eb="12">
      <t>チョウメ</t>
    </rPh>
    <rPh sb="13" eb="14">
      <t>バン</t>
    </rPh>
    <rPh sb="15" eb="16">
      <t>ゴウ</t>
    </rPh>
    <phoneticPr fontId="6"/>
  </si>
  <si>
    <t>大阪市阿倍野区阿倍野筋一丁目５番１号　あべのルシアス地下１階０１０７号室</t>
    <rPh sb="0" eb="3">
      <t>オオサカシ</t>
    </rPh>
    <rPh sb="3" eb="7">
      <t>アベノク</t>
    </rPh>
    <rPh sb="7" eb="10">
      <t>アベノ</t>
    </rPh>
    <rPh sb="10" eb="11">
      <t>スジ</t>
    </rPh>
    <rPh sb="11" eb="12">
      <t>イチ</t>
    </rPh>
    <rPh sb="12" eb="14">
      <t>チョウメ</t>
    </rPh>
    <rPh sb="15" eb="16">
      <t>バン</t>
    </rPh>
    <rPh sb="17" eb="18">
      <t>ゴウ</t>
    </rPh>
    <rPh sb="26" eb="28">
      <t>チカ</t>
    </rPh>
    <rPh sb="29" eb="30">
      <t>カイ</t>
    </rPh>
    <rPh sb="34" eb="36">
      <t>ゴウシツ</t>
    </rPh>
    <phoneticPr fontId="6"/>
  </si>
  <si>
    <t>大阪市東淀川区東淡路四丁目１７番１７号　メディアンイースト２階</t>
    <rPh sb="0" eb="3">
      <t>オオサカシ</t>
    </rPh>
    <rPh sb="3" eb="4">
      <t>ヒガシ</t>
    </rPh>
    <rPh sb="4" eb="7">
      <t>ヨドガワク</t>
    </rPh>
    <rPh sb="7" eb="8">
      <t>ヒガシ</t>
    </rPh>
    <rPh sb="8" eb="10">
      <t>アワジ</t>
    </rPh>
    <rPh sb="10" eb="11">
      <t>ヨン</t>
    </rPh>
    <rPh sb="11" eb="13">
      <t>チョウメ</t>
    </rPh>
    <rPh sb="15" eb="16">
      <t>バン</t>
    </rPh>
    <rPh sb="18" eb="19">
      <t>ゴウ</t>
    </rPh>
    <rPh sb="30" eb="31">
      <t>カイ</t>
    </rPh>
    <phoneticPr fontId="6"/>
  </si>
  <si>
    <t>大阪市中央区森ノ宮中央一丁目１番３０号　ビエラ森ノ宮３階</t>
    <rPh sb="0" eb="3">
      <t>オオサカシ</t>
    </rPh>
    <rPh sb="3" eb="5">
      <t>チュウオウ</t>
    </rPh>
    <rPh sb="11" eb="12">
      <t>イチ</t>
    </rPh>
    <rPh sb="15" eb="16">
      <t>バン</t>
    </rPh>
    <rPh sb="18" eb="19">
      <t>ゴウ</t>
    </rPh>
    <rPh sb="23" eb="24">
      <t>モリ</t>
    </rPh>
    <rPh sb="25" eb="26">
      <t>ミヤ</t>
    </rPh>
    <rPh sb="27" eb="28">
      <t>カイ</t>
    </rPh>
    <phoneticPr fontId="6"/>
  </si>
  <si>
    <t xml:space="preserve">大阪市平野区加美南一丁目２番２７号 </t>
    <rPh sb="0" eb="3">
      <t>オオサカシ</t>
    </rPh>
    <rPh sb="9" eb="10">
      <t>イチ</t>
    </rPh>
    <rPh sb="10" eb="12">
      <t>チョウメ</t>
    </rPh>
    <rPh sb="13" eb="14">
      <t>バン</t>
    </rPh>
    <rPh sb="16" eb="17">
      <t>ゴウ</t>
    </rPh>
    <phoneticPr fontId="6"/>
  </si>
  <si>
    <t>大阪市都島区東野田町五丁目２番２３号　京橋セントラルビル４階</t>
    <rPh sb="0" eb="3">
      <t>オオサカシ</t>
    </rPh>
    <rPh sb="10" eb="11">
      <t>ゴ</t>
    </rPh>
    <rPh sb="14" eb="15">
      <t>バン</t>
    </rPh>
    <rPh sb="17" eb="18">
      <t>ゴウ</t>
    </rPh>
    <rPh sb="19" eb="21">
      <t>キョウバシ</t>
    </rPh>
    <rPh sb="29" eb="30">
      <t>カイ</t>
    </rPh>
    <phoneticPr fontId="6"/>
  </si>
  <si>
    <t>大阪市東住吉区北田辺六丁目６番３号　イトーピア北田辺１階１０３号</t>
    <rPh sb="0" eb="2">
      <t>オオサカ</t>
    </rPh>
    <rPh sb="2" eb="3">
      <t>シ</t>
    </rPh>
    <rPh sb="10" eb="11">
      <t>ロク</t>
    </rPh>
    <rPh sb="11" eb="13">
      <t>チョウメ</t>
    </rPh>
    <rPh sb="14" eb="15">
      <t>バン</t>
    </rPh>
    <rPh sb="16" eb="17">
      <t>ゴウ</t>
    </rPh>
    <rPh sb="23" eb="24">
      <t>キタ</t>
    </rPh>
    <rPh sb="24" eb="26">
      <t>タナベ</t>
    </rPh>
    <rPh sb="27" eb="28">
      <t>カイ</t>
    </rPh>
    <rPh sb="31" eb="32">
      <t>ゴウ</t>
    </rPh>
    <phoneticPr fontId="6"/>
  </si>
  <si>
    <t>大阪市阿倍野区阪南町五丁目２３番１８号　HIKARIBLD</t>
    <rPh sb="0" eb="3">
      <t>オオサカシ</t>
    </rPh>
    <rPh sb="10" eb="11">
      <t>ゴ</t>
    </rPh>
    <rPh sb="15" eb="16">
      <t>バン</t>
    </rPh>
    <rPh sb="18" eb="19">
      <t>ゴウ</t>
    </rPh>
    <phoneticPr fontId="6"/>
  </si>
  <si>
    <t>大阪市東成区大今里二丁目２２番１４号</t>
    <rPh sb="0" eb="3">
      <t>オオサカシ</t>
    </rPh>
    <rPh sb="3" eb="6">
      <t>ヒガシナリク</t>
    </rPh>
    <rPh sb="6" eb="9">
      <t>オオイマザト</t>
    </rPh>
    <rPh sb="9" eb="10">
      <t>２</t>
    </rPh>
    <rPh sb="10" eb="12">
      <t>チョウメ</t>
    </rPh>
    <rPh sb="14" eb="15">
      <t>バン</t>
    </rPh>
    <rPh sb="17" eb="18">
      <t>ゴウ</t>
    </rPh>
    <phoneticPr fontId="7"/>
  </si>
  <si>
    <t>大阪市平野区平野東二丁目８番１１号</t>
    <rPh sb="0" eb="3">
      <t>オオサカシ</t>
    </rPh>
    <rPh sb="3" eb="6">
      <t>ヒラノク</t>
    </rPh>
    <rPh sb="6" eb="8">
      <t>ヒラノ</t>
    </rPh>
    <rPh sb="8" eb="9">
      <t>ヒガシ</t>
    </rPh>
    <rPh sb="9" eb="12">
      <t>ニチョウメ</t>
    </rPh>
    <rPh sb="13" eb="14">
      <t>バン</t>
    </rPh>
    <rPh sb="16" eb="17">
      <t>ゴウ</t>
    </rPh>
    <phoneticPr fontId="7"/>
  </si>
  <si>
    <t>大阪市中央区島之内一丁目８番８号　ＫＯＵＲＩＮビル１・２・３F</t>
    <rPh sb="0" eb="3">
      <t>オオサカシ</t>
    </rPh>
    <rPh sb="3" eb="6">
      <t>チュウオウク</t>
    </rPh>
    <rPh sb="6" eb="9">
      <t>シマノウチ</t>
    </rPh>
    <rPh sb="9" eb="12">
      <t>イッチョウメ</t>
    </rPh>
    <rPh sb="13" eb="14">
      <t>バン</t>
    </rPh>
    <rPh sb="15" eb="16">
      <t>ゴウ</t>
    </rPh>
    <phoneticPr fontId="7"/>
  </si>
  <si>
    <t>大阪市住之江区御崎七丁目４番１９号　ヨシダビル１F</t>
    <rPh sb="0" eb="3">
      <t>オオサカシ</t>
    </rPh>
    <rPh sb="3" eb="7">
      <t>スミノエク</t>
    </rPh>
    <rPh sb="7" eb="9">
      <t>ミサキ</t>
    </rPh>
    <rPh sb="9" eb="12">
      <t>ナナチョウメ</t>
    </rPh>
    <rPh sb="13" eb="14">
      <t>バン</t>
    </rPh>
    <rPh sb="16" eb="17">
      <t>ゴウ</t>
    </rPh>
    <phoneticPr fontId="7"/>
  </si>
  <si>
    <t>大阪市中央区南船場三丁目１１番１８号</t>
    <rPh sb="0" eb="3">
      <t>オオサカシ</t>
    </rPh>
    <rPh sb="3" eb="6">
      <t>チュウオウク</t>
    </rPh>
    <rPh sb="6" eb="7">
      <t>ミナミ</t>
    </rPh>
    <rPh sb="7" eb="9">
      <t>センバ</t>
    </rPh>
    <rPh sb="9" eb="12">
      <t>サンチョウメ</t>
    </rPh>
    <rPh sb="14" eb="15">
      <t>バン</t>
    </rPh>
    <rPh sb="17" eb="18">
      <t>ゴウ</t>
    </rPh>
    <phoneticPr fontId="7"/>
  </si>
  <si>
    <t>大阪市鶴見区鶴見三丁目６番７号　Ｍ’ｓＣＯＵＲＴ鶴見</t>
    <rPh sb="0" eb="3">
      <t>オオサカシ</t>
    </rPh>
    <rPh sb="3" eb="6">
      <t>ツルミク</t>
    </rPh>
    <rPh sb="6" eb="8">
      <t>ツルミ</t>
    </rPh>
    <rPh sb="8" eb="11">
      <t>サンチョウメ</t>
    </rPh>
    <rPh sb="12" eb="13">
      <t>バン</t>
    </rPh>
    <rPh sb="14" eb="15">
      <t>ゴウ</t>
    </rPh>
    <rPh sb="24" eb="26">
      <t>ツルミ</t>
    </rPh>
    <phoneticPr fontId="7"/>
  </si>
  <si>
    <t>大阪市中央区伏見町四丁目４番１０ 新伏見ビル１F</t>
    <rPh sb="0" eb="3">
      <t>オオサカシ</t>
    </rPh>
    <rPh sb="3" eb="6">
      <t>チュウオウク</t>
    </rPh>
    <rPh sb="6" eb="8">
      <t>フシミ</t>
    </rPh>
    <rPh sb="8" eb="9">
      <t>チョウ</t>
    </rPh>
    <rPh sb="9" eb="10">
      <t>ヨン</t>
    </rPh>
    <rPh sb="10" eb="12">
      <t>チョウメ</t>
    </rPh>
    <rPh sb="13" eb="14">
      <t>バン</t>
    </rPh>
    <rPh sb="17" eb="18">
      <t>シン</t>
    </rPh>
    <rPh sb="18" eb="20">
      <t>フシミ</t>
    </rPh>
    <phoneticPr fontId="7"/>
  </si>
  <si>
    <t>大阪市都島区内代町一丁目７番３号</t>
    <rPh sb="0" eb="3">
      <t>オオサカシ</t>
    </rPh>
    <rPh sb="3" eb="6">
      <t>ミヤコジマク</t>
    </rPh>
    <rPh sb="6" eb="7">
      <t>ウチ</t>
    </rPh>
    <rPh sb="7" eb="8">
      <t>ダイ</t>
    </rPh>
    <rPh sb="8" eb="9">
      <t>マチ</t>
    </rPh>
    <rPh sb="9" eb="12">
      <t>イッチョウメ</t>
    </rPh>
    <rPh sb="13" eb="14">
      <t>バン</t>
    </rPh>
    <rPh sb="15" eb="16">
      <t>ゴウ</t>
    </rPh>
    <phoneticPr fontId="7"/>
  </si>
  <si>
    <t>大阪市西区立売堀五丁目１番１１号</t>
    <rPh sb="0" eb="3">
      <t>オオサカシ</t>
    </rPh>
    <rPh sb="3" eb="5">
      <t>ニシク</t>
    </rPh>
    <rPh sb="5" eb="6">
      <t>タ</t>
    </rPh>
    <rPh sb="6" eb="7">
      <t>ウ</t>
    </rPh>
    <rPh sb="7" eb="8">
      <t>ホリ</t>
    </rPh>
    <rPh sb="8" eb="11">
      <t>ゴチョウメ</t>
    </rPh>
    <rPh sb="12" eb="13">
      <t>バン</t>
    </rPh>
    <rPh sb="15" eb="16">
      <t>ゴウ</t>
    </rPh>
    <phoneticPr fontId="7"/>
  </si>
  <si>
    <t>大阪市阿倍野区阿倍野筋一丁目５番３６号　アベノセンタービル地下２階</t>
    <rPh sb="0" eb="3">
      <t>オオサカシ</t>
    </rPh>
    <rPh sb="3" eb="7">
      <t>アベノク</t>
    </rPh>
    <rPh sb="7" eb="11">
      <t>アベノスジ</t>
    </rPh>
    <rPh sb="11" eb="14">
      <t>イッチョウメ</t>
    </rPh>
    <rPh sb="15" eb="16">
      <t>バン</t>
    </rPh>
    <rPh sb="18" eb="19">
      <t>ゴウ</t>
    </rPh>
    <rPh sb="29" eb="31">
      <t>チカ</t>
    </rPh>
    <rPh sb="32" eb="33">
      <t>カイ</t>
    </rPh>
    <phoneticPr fontId="7"/>
  </si>
  <si>
    <t>医療法人　村上歯科医院</t>
    <rPh sb="5" eb="7">
      <t>ムラカミ</t>
    </rPh>
    <rPh sb="7" eb="9">
      <t>シカ</t>
    </rPh>
    <phoneticPr fontId="7"/>
  </si>
  <si>
    <t>医療法人　豊栖歯科医院</t>
    <rPh sb="5" eb="6">
      <t>トヨ</t>
    </rPh>
    <rPh sb="6" eb="7">
      <t>ス</t>
    </rPh>
    <rPh sb="7" eb="9">
      <t>シカ</t>
    </rPh>
    <phoneticPr fontId="7"/>
  </si>
  <si>
    <t>医療法人　ゆうあい会</t>
    <rPh sb="9" eb="10">
      <t>カイ</t>
    </rPh>
    <phoneticPr fontId="7"/>
  </si>
  <si>
    <t>医療法人　彩芽会</t>
    <rPh sb="5" eb="6">
      <t>アヤ</t>
    </rPh>
    <rPh sb="6" eb="7">
      <t>メ</t>
    </rPh>
    <phoneticPr fontId="7"/>
  </si>
  <si>
    <t>医療法人　good-teeth</t>
    <phoneticPr fontId="3"/>
  </si>
  <si>
    <t>医療法人　薫風会　</t>
    <rPh sb="5" eb="6">
      <t>クン</t>
    </rPh>
    <rPh sb="6" eb="7">
      <t>プウ</t>
    </rPh>
    <phoneticPr fontId="7"/>
  </si>
  <si>
    <t>医療法人　precious tooth</t>
    <phoneticPr fontId="3"/>
  </si>
  <si>
    <t>医療法人　湧光会</t>
    <rPh sb="5" eb="7">
      <t>ユウコウ</t>
    </rPh>
    <phoneticPr fontId="7"/>
  </si>
  <si>
    <t>医療法人　歯専会</t>
    <rPh sb="5" eb="6">
      <t>シ</t>
    </rPh>
    <rPh sb="6" eb="7">
      <t>セン</t>
    </rPh>
    <phoneticPr fontId="7"/>
  </si>
  <si>
    <t>医療法人　颯心会</t>
    <rPh sb="5" eb="6">
      <t>ソウシン</t>
    </rPh>
    <phoneticPr fontId="7"/>
  </si>
  <si>
    <t>医療法人　ORAL HEALTH</t>
    <rPh sb="0" eb="2">
      <t>イリョウ</t>
    </rPh>
    <rPh sb="2" eb="4">
      <t>ホウジン</t>
    </rPh>
    <phoneticPr fontId="3"/>
  </si>
  <si>
    <t>大阪市東住吉区照ヶ丘矢田1-17-7</t>
    <rPh sb="3" eb="6">
      <t>ヒガシスミヨシ</t>
    </rPh>
    <rPh sb="7" eb="12">
      <t>テルガオカヤタ</t>
    </rPh>
    <phoneticPr fontId="3"/>
  </si>
  <si>
    <t>医療法人　誠信会</t>
    <rPh sb="5" eb="6">
      <t>マコト</t>
    </rPh>
    <rPh sb="6" eb="7">
      <t>シン</t>
    </rPh>
    <rPh sb="7" eb="8">
      <t>カイ</t>
    </rPh>
    <phoneticPr fontId="3"/>
  </si>
  <si>
    <t>医療法人　育有会</t>
    <rPh sb="5" eb="6">
      <t>イク</t>
    </rPh>
    <rPh sb="6" eb="7">
      <t>ア</t>
    </rPh>
    <rPh sb="7" eb="8">
      <t>カイ</t>
    </rPh>
    <phoneticPr fontId="3"/>
  </si>
  <si>
    <t>医療法人　青青会</t>
    <phoneticPr fontId="3"/>
  </si>
  <si>
    <t>大阪市天王寺区北河堀町9-10（診療所は中央区）</t>
    <rPh sb="0" eb="2">
      <t>オオサカ</t>
    </rPh>
    <rPh sb="2" eb="3">
      <t>シ</t>
    </rPh>
    <rPh sb="3" eb="7">
      <t>テンノウジク</t>
    </rPh>
    <rPh sb="7" eb="8">
      <t>キタ</t>
    </rPh>
    <rPh sb="8" eb="9">
      <t>カワ</t>
    </rPh>
    <rPh sb="9" eb="10">
      <t>ホリ</t>
    </rPh>
    <rPh sb="10" eb="11">
      <t>マチ</t>
    </rPh>
    <rPh sb="16" eb="19">
      <t>シンリョウショ</t>
    </rPh>
    <rPh sb="20" eb="23">
      <t>チュウオウク</t>
    </rPh>
    <phoneticPr fontId="6"/>
  </si>
  <si>
    <t>医療法人　高遼会</t>
    <rPh sb="0" eb="2">
      <t>イリョウ</t>
    </rPh>
    <rPh sb="2" eb="4">
      <t>ホウジン</t>
    </rPh>
    <rPh sb="5" eb="6">
      <t>コウ</t>
    </rPh>
    <rPh sb="6" eb="7">
      <t>リョウ</t>
    </rPh>
    <rPh sb="7" eb="8">
      <t>カイ</t>
    </rPh>
    <phoneticPr fontId="3"/>
  </si>
  <si>
    <t>大阪市阿倍野区阿倍野筋1-1-43</t>
    <phoneticPr fontId="3"/>
  </si>
  <si>
    <t>大阪市中央区南船場2-12-5　心斎橋イーストスクエア4階</t>
    <rPh sb="16" eb="19">
      <t>シンサイバシ</t>
    </rPh>
    <rPh sb="28" eb="29">
      <t>カイ</t>
    </rPh>
    <phoneticPr fontId="3"/>
  </si>
  <si>
    <t>医療法人　清和会</t>
    <rPh sb="5" eb="6">
      <t>キヨ</t>
    </rPh>
    <rPh sb="6" eb="7">
      <t>ワ</t>
    </rPh>
    <rPh sb="7" eb="8">
      <t>カイ</t>
    </rPh>
    <phoneticPr fontId="3"/>
  </si>
  <si>
    <t>大阪市平野区加美東一丁目１３番４３号</t>
    <rPh sb="0" eb="3">
      <t>オオサカシ</t>
    </rPh>
    <rPh sb="9" eb="12">
      <t>１チョウメ</t>
    </rPh>
    <rPh sb="14" eb="15">
      <t>バン</t>
    </rPh>
    <rPh sb="17" eb="18">
      <t>ゴウ</t>
    </rPh>
    <phoneticPr fontId="3"/>
  </si>
  <si>
    <t>大阪市北区池田町６番１０号-２０１</t>
    <rPh sb="0" eb="3">
      <t>オオサカシ</t>
    </rPh>
    <rPh sb="9" eb="10">
      <t>バン</t>
    </rPh>
    <rPh sb="12" eb="13">
      <t>ゴウ</t>
    </rPh>
    <phoneticPr fontId="3"/>
  </si>
  <si>
    <t>大阪市生野区小路東五丁目７番２２号</t>
    <rPh sb="0" eb="3">
      <t>オオサカシ</t>
    </rPh>
    <rPh sb="3" eb="6">
      <t>イクノク</t>
    </rPh>
    <rPh sb="6" eb="9">
      <t>ショウジヒガシ</t>
    </rPh>
    <rPh sb="9" eb="10">
      <t>ゴ</t>
    </rPh>
    <rPh sb="10" eb="12">
      <t>チョウメ</t>
    </rPh>
    <rPh sb="13" eb="14">
      <t>バン</t>
    </rPh>
    <rPh sb="16" eb="17">
      <t>ゴウ</t>
    </rPh>
    <phoneticPr fontId="3"/>
  </si>
  <si>
    <t>大阪市住吉区清水丘二丁目２３番２１号</t>
    <rPh sb="0" eb="3">
      <t>オオサカシ</t>
    </rPh>
    <rPh sb="9" eb="10">
      <t>ニ</t>
    </rPh>
    <rPh sb="10" eb="12">
      <t>チョウメ</t>
    </rPh>
    <rPh sb="14" eb="15">
      <t>バン</t>
    </rPh>
    <rPh sb="17" eb="18">
      <t>ゴウ</t>
    </rPh>
    <phoneticPr fontId="3"/>
  </si>
  <si>
    <t>大阪市西淀川区福町二丁目１１番５号</t>
    <rPh sb="0" eb="3">
      <t>オオサカシ</t>
    </rPh>
    <rPh sb="3" eb="7">
      <t>ニシヨドガワク</t>
    </rPh>
    <rPh sb="7" eb="9">
      <t>フクマチ</t>
    </rPh>
    <rPh sb="9" eb="10">
      <t>ニ</t>
    </rPh>
    <rPh sb="10" eb="12">
      <t>チョウメ</t>
    </rPh>
    <rPh sb="14" eb="15">
      <t>バン</t>
    </rPh>
    <rPh sb="16" eb="17">
      <t>ゴウ</t>
    </rPh>
    <phoneticPr fontId="3"/>
  </si>
  <si>
    <t>大阪市港区弁天一丁目３番３号</t>
    <rPh sb="0" eb="3">
      <t>オオサカシ</t>
    </rPh>
    <rPh sb="3" eb="4">
      <t>ミナト</t>
    </rPh>
    <rPh sb="4" eb="5">
      <t>ク</t>
    </rPh>
    <rPh sb="5" eb="7">
      <t>ベンテン</t>
    </rPh>
    <rPh sb="7" eb="8">
      <t>イチ</t>
    </rPh>
    <rPh sb="8" eb="10">
      <t>チョウメ</t>
    </rPh>
    <rPh sb="11" eb="12">
      <t>バン</t>
    </rPh>
    <rPh sb="13" eb="14">
      <t>ゴウ</t>
    </rPh>
    <phoneticPr fontId="3"/>
  </si>
  <si>
    <t>大阪市此花区梅香一丁目21番12号</t>
    <rPh sb="0" eb="3">
      <t>オオサカシ</t>
    </rPh>
    <rPh sb="8" eb="9">
      <t>イチ</t>
    </rPh>
    <phoneticPr fontId="3"/>
  </si>
  <si>
    <t>大阪市淀川区十三東二丁目9番10号十三駅前医療ビル５階５０２</t>
    <rPh sb="0" eb="3">
      <t>オオサカシ</t>
    </rPh>
    <rPh sb="9" eb="10">
      <t>ニ</t>
    </rPh>
    <rPh sb="10" eb="12">
      <t>チョウメ</t>
    </rPh>
    <rPh sb="13" eb="14">
      <t>バン</t>
    </rPh>
    <rPh sb="16" eb="17">
      <t>ゴウ</t>
    </rPh>
    <rPh sb="17" eb="19">
      <t>ジュウソウ</t>
    </rPh>
    <rPh sb="19" eb="21">
      <t>エキマエ</t>
    </rPh>
    <rPh sb="21" eb="23">
      <t>イリョウ</t>
    </rPh>
    <rPh sb="26" eb="27">
      <t>カイ</t>
    </rPh>
    <phoneticPr fontId="3"/>
  </si>
  <si>
    <t>大阪市北区芝田二丁目１番２１号 髙橋ビル７階</t>
    <rPh sb="0" eb="3">
      <t>オオサカシ</t>
    </rPh>
    <rPh sb="7" eb="8">
      <t>ニ</t>
    </rPh>
    <rPh sb="11" eb="12">
      <t>バン</t>
    </rPh>
    <rPh sb="14" eb="15">
      <t>ゴウ</t>
    </rPh>
    <rPh sb="16" eb="17">
      <t>タカ</t>
    </rPh>
    <rPh sb="17" eb="18">
      <t>ハシ</t>
    </rPh>
    <rPh sb="21" eb="22">
      <t>カイ</t>
    </rPh>
    <phoneticPr fontId="3"/>
  </si>
  <si>
    <t xml:space="preserve">大阪市中央区玉造一丁目５番７号 </t>
    <rPh sb="0" eb="3">
      <t>オオサカシ</t>
    </rPh>
    <rPh sb="3" eb="5">
      <t>チュウオウ</t>
    </rPh>
    <rPh sb="5" eb="6">
      <t>ク</t>
    </rPh>
    <rPh sb="6" eb="8">
      <t>タマヅクリ</t>
    </rPh>
    <rPh sb="8" eb="9">
      <t>イチ</t>
    </rPh>
    <rPh sb="9" eb="11">
      <t>チョウメ</t>
    </rPh>
    <rPh sb="12" eb="13">
      <t>バン</t>
    </rPh>
    <rPh sb="14" eb="15">
      <t>ゴウ</t>
    </rPh>
    <phoneticPr fontId="3"/>
  </si>
  <si>
    <t>大阪市城東区今福東一丁目７番５号</t>
    <rPh sb="0" eb="3">
      <t>オオサカシ</t>
    </rPh>
    <rPh sb="9" eb="10">
      <t>イチ</t>
    </rPh>
    <rPh sb="10" eb="12">
      <t>チョウメ</t>
    </rPh>
    <rPh sb="13" eb="14">
      <t>バン</t>
    </rPh>
    <rPh sb="15" eb="16">
      <t>ゴウ</t>
    </rPh>
    <phoneticPr fontId="3"/>
  </si>
  <si>
    <t>大阪市北区神山町１番７号アーバンネックス神山町ビル２Ｆ</t>
    <rPh sb="0" eb="3">
      <t>オオサカシ</t>
    </rPh>
    <rPh sb="9" eb="10">
      <t>バン</t>
    </rPh>
    <rPh sb="11" eb="12">
      <t>ゴウ</t>
    </rPh>
    <rPh sb="20" eb="23">
      <t>カミヤマチョウ</t>
    </rPh>
    <phoneticPr fontId="3"/>
  </si>
  <si>
    <t>大阪市福島区吉野三丁目２１番２６号メゾン西梅田１０１号室</t>
    <rPh sb="0" eb="3">
      <t>オオサカシ</t>
    </rPh>
    <rPh sb="8" eb="9">
      <t>サン</t>
    </rPh>
    <rPh sb="13" eb="14">
      <t>バン</t>
    </rPh>
    <rPh sb="16" eb="17">
      <t>ゴウ</t>
    </rPh>
    <rPh sb="20" eb="21">
      <t>ニシ</t>
    </rPh>
    <rPh sb="21" eb="23">
      <t>ウメダ</t>
    </rPh>
    <rPh sb="26" eb="27">
      <t>ゴウ</t>
    </rPh>
    <rPh sb="27" eb="28">
      <t>シツ</t>
    </rPh>
    <phoneticPr fontId="3"/>
  </si>
  <si>
    <t>大阪市西区北堀江一丁目５番４号四ツ橋サンビル４階</t>
    <rPh sb="0" eb="2">
      <t>オオサカ</t>
    </rPh>
    <rPh sb="2" eb="3">
      <t>シ</t>
    </rPh>
    <rPh sb="8" eb="9">
      <t>イチ</t>
    </rPh>
    <rPh sb="12" eb="13">
      <t>バン</t>
    </rPh>
    <rPh sb="14" eb="15">
      <t>ゴウ</t>
    </rPh>
    <rPh sb="15" eb="16">
      <t>ヨン</t>
    </rPh>
    <rPh sb="17" eb="18">
      <t>バシ</t>
    </rPh>
    <rPh sb="23" eb="24">
      <t>カイ</t>
    </rPh>
    <phoneticPr fontId="3"/>
  </si>
  <si>
    <t>大阪市西成区鶴見橋一丁目６番１５号</t>
    <rPh sb="0" eb="3">
      <t>オオサカシ</t>
    </rPh>
    <rPh sb="9" eb="10">
      <t>イチ</t>
    </rPh>
    <rPh sb="10" eb="12">
      <t>チョウメ</t>
    </rPh>
    <rPh sb="13" eb="14">
      <t>バン</t>
    </rPh>
    <rPh sb="16" eb="17">
      <t>ゴウ</t>
    </rPh>
    <phoneticPr fontId="3"/>
  </si>
  <si>
    <t>大阪市阿倍野区文の里ニ丁目１１番２５号　</t>
    <rPh sb="0" eb="3">
      <t>オオサカシ</t>
    </rPh>
    <rPh sb="11" eb="13">
      <t>チョウメ</t>
    </rPh>
    <rPh sb="15" eb="16">
      <t>バン</t>
    </rPh>
    <rPh sb="18" eb="19">
      <t>ゴウ</t>
    </rPh>
    <phoneticPr fontId="3"/>
  </si>
  <si>
    <t>大阪市旭区高殿六丁目４番２４号</t>
    <rPh sb="0" eb="3">
      <t>オオサカシ</t>
    </rPh>
    <rPh sb="7" eb="8">
      <t>ロク</t>
    </rPh>
    <rPh sb="8" eb="10">
      <t>チョウメ</t>
    </rPh>
    <rPh sb="11" eb="12">
      <t>バン</t>
    </rPh>
    <rPh sb="14" eb="15">
      <t>ゴウ</t>
    </rPh>
    <phoneticPr fontId="3"/>
  </si>
  <si>
    <t>大阪市北区梅田一丁目１１番４－２００号</t>
    <rPh sb="0" eb="3">
      <t>オオサカシ</t>
    </rPh>
    <rPh sb="3" eb="5">
      <t>キタク</t>
    </rPh>
    <rPh sb="5" eb="7">
      <t>ウメダ</t>
    </rPh>
    <rPh sb="7" eb="8">
      <t>イチ</t>
    </rPh>
    <rPh sb="8" eb="10">
      <t>チョウメ</t>
    </rPh>
    <rPh sb="12" eb="13">
      <t>バン</t>
    </rPh>
    <rPh sb="18" eb="19">
      <t>ゴウ</t>
    </rPh>
    <phoneticPr fontId="3"/>
  </si>
  <si>
    <t>大阪市旭区高殿四丁目７番１２号</t>
    <rPh sb="0" eb="3">
      <t>オオサカシ</t>
    </rPh>
    <rPh sb="3" eb="4">
      <t>アサヒ</t>
    </rPh>
    <rPh sb="4" eb="5">
      <t>ク</t>
    </rPh>
    <rPh sb="5" eb="7">
      <t>タカドノ</t>
    </rPh>
    <rPh sb="7" eb="8">
      <t>ヨン</t>
    </rPh>
    <rPh sb="8" eb="10">
      <t>チョウメ</t>
    </rPh>
    <rPh sb="11" eb="12">
      <t>バン</t>
    </rPh>
    <rPh sb="14" eb="15">
      <t>ゴウ</t>
    </rPh>
    <phoneticPr fontId="3"/>
  </si>
  <si>
    <t>大阪市東成区東小橋一丁目１番２３号オーキッドコート玉造１Ｆ</t>
    <rPh sb="0" eb="3">
      <t>オオサカシ</t>
    </rPh>
    <rPh sb="3" eb="6">
      <t>ヒガシナリク</t>
    </rPh>
    <rPh sb="6" eb="7">
      <t>ヒガシ</t>
    </rPh>
    <rPh sb="7" eb="9">
      <t>コバシ</t>
    </rPh>
    <rPh sb="9" eb="12">
      <t>イッチョウメ</t>
    </rPh>
    <rPh sb="13" eb="14">
      <t>バン</t>
    </rPh>
    <rPh sb="16" eb="17">
      <t>ゴウ</t>
    </rPh>
    <rPh sb="25" eb="27">
      <t>タマツクリ</t>
    </rPh>
    <phoneticPr fontId="3"/>
  </si>
  <si>
    <t>大阪市福島区野田三丁目１３番１８号野田ＫＴビル１階</t>
    <rPh sb="0" eb="3">
      <t>オオサカシ</t>
    </rPh>
    <rPh sb="3" eb="6">
      <t>フクシマク</t>
    </rPh>
    <rPh sb="6" eb="8">
      <t>ノダ</t>
    </rPh>
    <rPh sb="8" eb="11">
      <t>サンチョウメ</t>
    </rPh>
    <rPh sb="13" eb="14">
      <t>バン</t>
    </rPh>
    <rPh sb="16" eb="17">
      <t>ゴウ</t>
    </rPh>
    <rPh sb="17" eb="19">
      <t>ノダ</t>
    </rPh>
    <rPh sb="24" eb="25">
      <t>カイ</t>
    </rPh>
    <phoneticPr fontId="3"/>
  </si>
  <si>
    <t>大阪市西区北堀江一丁目３番１１号ｱﾙﾃﾞｰﾙﾄﾓ北堀江1F</t>
    <rPh sb="0" eb="3">
      <t>オオサカシ</t>
    </rPh>
    <rPh sb="3" eb="5">
      <t>ニシク</t>
    </rPh>
    <rPh sb="5" eb="8">
      <t>キタホリエ</t>
    </rPh>
    <rPh sb="8" eb="11">
      <t>イッチョウメ</t>
    </rPh>
    <rPh sb="12" eb="13">
      <t>バン</t>
    </rPh>
    <rPh sb="15" eb="16">
      <t>ゴウ</t>
    </rPh>
    <rPh sb="24" eb="27">
      <t>キタホリエ</t>
    </rPh>
    <phoneticPr fontId="3"/>
  </si>
  <si>
    <t>大阪市西区南堀江一丁目１１番５号中村ビル第１階</t>
    <rPh sb="0" eb="3">
      <t>オオサカシ</t>
    </rPh>
    <rPh sb="3" eb="5">
      <t>ニシク</t>
    </rPh>
    <rPh sb="5" eb="6">
      <t>ミナミ</t>
    </rPh>
    <rPh sb="6" eb="8">
      <t>ホリエ</t>
    </rPh>
    <rPh sb="8" eb="11">
      <t>イッチョウメ</t>
    </rPh>
    <rPh sb="13" eb="14">
      <t>バン</t>
    </rPh>
    <rPh sb="15" eb="16">
      <t>ゴウ</t>
    </rPh>
    <rPh sb="16" eb="18">
      <t>ナカムラ</t>
    </rPh>
    <rPh sb="20" eb="21">
      <t>ダイ</t>
    </rPh>
    <rPh sb="22" eb="23">
      <t>カイ</t>
    </rPh>
    <phoneticPr fontId="3"/>
  </si>
  <si>
    <t>大阪市西区南堀江四丁目１１番８号ｼﾞｵﾀﾜｰ南堀江１０３</t>
    <rPh sb="0" eb="3">
      <t>オオサカシ</t>
    </rPh>
    <rPh sb="3" eb="5">
      <t>ニシク</t>
    </rPh>
    <rPh sb="5" eb="8">
      <t>ミナミホリエ</t>
    </rPh>
    <rPh sb="8" eb="10">
      <t>ヨンチョウ</t>
    </rPh>
    <rPh sb="10" eb="11">
      <t>メ</t>
    </rPh>
    <rPh sb="13" eb="14">
      <t>バン</t>
    </rPh>
    <rPh sb="15" eb="16">
      <t>ゴウ</t>
    </rPh>
    <rPh sb="22" eb="25">
      <t>ミナミホリエ</t>
    </rPh>
    <phoneticPr fontId="3"/>
  </si>
  <si>
    <t>大阪市中央区今橋四丁目３番２２号淀屋橋山本ビル２階</t>
    <rPh sb="0" eb="3">
      <t>オオサカシ</t>
    </rPh>
    <rPh sb="3" eb="6">
      <t>チュウオウク</t>
    </rPh>
    <rPh sb="6" eb="8">
      <t>イマバシ</t>
    </rPh>
    <rPh sb="8" eb="9">
      <t>４</t>
    </rPh>
    <rPh sb="9" eb="11">
      <t>チョウメ</t>
    </rPh>
    <rPh sb="12" eb="13">
      <t>バン</t>
    </rPh>
    <rPh sb="15" eb="16">
      <t>ゴウ</t>
    </rPh>
    <rPh sb="16" eb="19">
      <t>ヨドヤバシ</t>
    </rPh>
    <rPh sb="19" eb="21">
      <t>ヤマモト</t>
    </rPh>
    <rPh sb="24" eb="25">
      <t>カイ</t>
    </rPh>
    <phoneticPr fontId="3"/>
  </si>
  <si>
    <t>大阪市西淀川区姫里二丁目６番６号</t>
    <rPh sb="0" eb="3">
      <t>オオサカシ</t>
    </rPh>
    <rPh sb="3" eb="7">
      <t>ニシヨドガワク</t>
    </rPh>
    <rPh sb="7" eb="9">
      <t>ヒメサト</t>
    </rPh>
    <rPh sb="9" eb="10">
      <t>ニ</t>
    </rPh>
    <rPh sb="10" eb="12">
      <t>チョウメ</t>
    </rPh>
    <rPh sb="13" eb="14">
      <t>バン</t>
    </rPh>
    <rPh sb="15" eb="16">
      <t>ゴウ</t>
    </rPh>
    <phoneticPr fontId="3"/>
  </si>
  <si>
    <t>医療法人　K&amp;K</t>
    <rPh sb="0" eb="2">
      <t>イリョウ</t>
    </rPh>
    <rPh sb="2" eb="4">
      <t>ホウジン</t>
    </rPh>
    <phoneticPr fontId="3"/>
  </si>
  <si>
    <t>西淀川区</t>
    <phoneticPr fontId="3"/>
  </si>
  <si>
    <t>旭区</t>
    <phoneticPr fontId="3"/>
  </si>
  <si>
    <t>西区</t>
    <phoneticPr fontId="3"/>
  </si>
  <si>
    <t>医療法人　美櫻会</t>
    <phoneticPr fontId="3"/>
  </si>
  <si>
    <t>医療法人　天五診療所</t>
    <phoneticPr fontId="3"/>
  </si>
  <si>
    <t>医療法人　サルーテ会</t>
    <phoneticPr fontId="3"/>
  </si>
  <si>
    <t>医療法人　松風会</t>
    <phoneticPr fontId="3"/>
  </si>
  <si>
    <t>医療法人　陽朋会</t>
    <phoneticPr fontId="3"/>
  </si>
  <si>
    <t>医療法人　知命会</t>
    <rPh sb="5" eb="6">
      <t>チ</t>
    </rPh>
    <rPh sb="6" eb="7">
      <t>イノチ</t>
    </rPh>
    <rPh sb="7" eb="8">
      <t>カイ</t>
    </rPh>
    <phoneticPr fontId="3"/>
  </si>
  <si>
    <t>医療法人　こころのオアシス</t>
    <phoneticPr fontId="3"/>
  </si>
  <si>
    <t>医療法人　フォスター</t>
    <phoneticPr fontId="3"/>
  </si>
  <si>
    <t>医療法人　不動心</t>
    <rPh sb="5" eb="7">
      <t>フドウ</t>
    </rPh>
    <rPh sb="7" eb="8">
      <t>ココロ</t>
    </rPh>
    <phoneticPr fontId="3"/>
  </si>
  <si>
    <t>医療法人　山久会</t>
    <rPh sb="5" eb="6">
      <t>ヤマ</t>
    </rPh>
    <rPh sb="6" eb="7">
      <t>ヒサ</t>
    </rPh>
    <rPh sb="7" eb="8">
      <t>カイ</t>
    </rPh>
    <phoneticPr fontId="3"/>
  </si>
  <si>
    <t>医療法人　真生会</t>
    <phoneticPr fontId="3"/>
  </si>
  <si>
    <t>医療法人　永成会</t>
    <rPh sb="5" eb="6">
      <t>エイ</t>
    </rPh>
    <rPh sb="6" eb="7">
      <t>ナ</t>
    </rPh>
    <rPh sb="7" eb="8">
      <t>カイ</t>
    </rPh>
    <phoneticPr fontId="3"/>
  </si>
  <si>
    <t>医療法人　幸優会</t>
    <phoneticPr fontId="3"/>
  </si>
  <si>
    <t>医療法人　晴琉会</t>
    <phoneticPr fontId="3"/>
  </si>
  <si>
    <t>医療法人　樂吉会</t>
    <phoneticPr fontId="3"/>
  </si>
  <si>
    <t>医療法人　泉川クリニック</t>
    <phoneticPr fontId="3"/>
  </si>
  <si>
    <t>医療法人　侑和会</t>
    <rPh sb="5" eb="6">
      <t>ユウ</t>
    </rPh>
    <rPh sb="6" eb="7">
      <t>ワ</t>
    </rPh>
    <rPh sb="7" eb="8">
      <t>カイ</t>
    </rPh>
    <phoneticPr fontId="3"/>
  </si>
  <si>
    <t>医療法人　健笑会</t>
    <rPh sb="5" eb="6">
      <t>イケン</t>
    </rPh>
    <rPh sb="6" eb="7">
      <t>ワライ</t>
    </rPh>
    <rPh sb="7" eb="8">
      <t>カイ</t>
    </rPh>
    <phoneticPr fontId="3"/>
  </si>
  <si>
    <t>医療法人　日吉会</t>
    <rPh sb="5" eb="6">
      <t>ヒ</t>
    </rPh>
    <rPh sb="6" eb="7">
      <t>キチ</t>
    </rPh>
    <rPh sb="7" eb="8">
      <t>カイ</t>
    </rPh>
    <phoneticPr fontId="3"/>
  </si>
  <si>
    <t>医療法人　安賀歯科クリニック</t>
    <rPh sb="5" eb="6">
      <t>ヤス</t>
    </rPh>
    <rPh sb="6" eb="7">
      <t>ガ</t>
    </rPh>
    <rPh sb="7" eb="9">
      <t>シカ</t>
    </rPh>
    <phoneticPr fontId="3"/>
  </si>
  <si>
    <t>医療法人　聰宝会</t>
    <rPh sb="5" eb="6">
      <t>サトシ</t>
    </rPh>
    <rPh sb="6" eb="7">
      <t>タカラ</t>
    </rPh>
    <rPh sb="7" eb="8">
      <t>カイ</t>
    </rPh>
    <phoneticPr fontId="3"/>
  </si>
  <si>
    <t>医療法人　延寿会協和医院</t>
    <rPh sb="5" eb="6">
      <t>エン</t>
    </rPh>
    <rPh sb="6" eb="7">
      <t>コトブキ</t>
    </rPh>
    <rPh sb="7" eb="8">
      <t>カイ</t>
    </rPh>
    <rPh sb="8" eb="10">
      <t>キョウワ</t>
    </rPh>
    <rPh sb="10" eb="12">
      <t>イイン</t>
    </rPh>
    <phoneticPr fontId="3"/>
  </si>
  <si>
    <t>大阪市北区曽根崎新地2-1-21桜橋深川ビル2階</t>
    <phoneticPr fontId="3"/>
  </si>
  <si>
    <t>大阪市東淀川区上新庄2-15-18</t>
    <rPh sb="0" eb="3">
      <t>オオサカシ</t>
    </rPh>
    <rPh sb="3" eb="7">
      <t>ヒガシヨドガワク</t>
    </rPh>
    <phoneticPr fontId="3"/>
  </si>
  <si>
    <t>医療法人　宏陽会</t>
    <rPh sb="5" eb="6">
      <t>ヒロシ</t>
    </rPh>
    <rPh sb="6" eb="7">
      <t>ヨウ</t>
    </rPh>
    <rPh sb="7" eb="8">
      <t>カイ</t>
    </rPh>
    <phoneticPr fontId="3"/>
  </si>
  <si>
    <t>大阪市鶴見区横堤4-25-5</t>
    <phoneticPr fontId="3"/>
  </si>
  <si>
    <t>医療法人　博美会</t>
    <rPh sb="5" eb="6">
      <t>ハク</t>
    </rPh>
    <rPh sb="6" eb="7">
      <t>ビ</t>
    </rPh>
    <rPh sb="7" eb="8">
      <t>カイ</t>
    </rPh>
    <phoneticPr fontId="3"/>
  </si>
  <si>
    <t>医療法人　小西耳鼻咽喉科医院</t>
    <phoneticPr fontId="3"/>
  </si>
  <si>
    <t>医療法人　曉会</t>
    <rPh sb="5" eb="6">
      <t>アカツキ</t>
    </rPh>
    <phoneticPr fontId="3"/>
  </si>
  <si>
    <t>医療法人　山﨑診療所</t>
    <rPh sb="6" eb="7">
      <t>サキ</t>
    </rPh>
    <phoneticPr fontId="3"/>
  </si>
  <si>
    <t>医療法人　福壽會</t>
    <phoneticPr fontId="3"/>
  </si>
  <si>
    <t>医療法人　深田会　村尾医院</t>
    <rPh sb="7" eb="8">
      <t>カイ</t>
    </rPh>
    <rPh sb="9" eb="11">
      <t>ムラオ</t>
    </rPh>
    <rPh sb="11" eb="13">
      <t>イイン</t>
    </rPh>
    <phoneticPr fontId="3"/>
  </si>
  <si>
    <t>医療法人　坂本整形外科</t>
    <phoneticPr fontId="3"/>
  </si>
  <si>
    <t>医療法人　ＰＢＨ会</t>
    <phoneticPr fontId="3"/>
  </si>
  <si>
    <t>医療法人　柏蔭会</t>
    <rPh sb="7" eb="8">
      <t>カイ</t>
    </rPh>
    <phoneticPr fontId="3"/>
  </si>
  <si>
    <t>医療法人　孝徳会　石井歯科クリニック</t>
    <phoneticPr fontId="3"/>
  </si>
  <si>
    <t>医療法人　香心会</t>
    <rPh sb="5" eb="6">
      <t>カオ</t>
    </rPh>
    <rPh sb="6" eb="7">
      <t>ココロ</t>
    </rPh>
    <rPh sb="7" eb="8">
      <t>カイ</t>
    </rPh>
    <phoneticPr fontId="3"/>
  </si>
  <si>
    <t>医療法人　愛環会</t>
    <phoneticPr fontId="3"/>
  </si>
  <si>
    <t>医療法人　社団福美会</t>
    <phoneticPr fontId="3"/>
  </si>
  <si>
    <t>医療法人　菫甲会</t>
    <phoneticPr fontId="3"/>
  </si>
  <si>
    <t>医療法人　錦彩会</t>
    <phoneticPr fontId="3"/>
  </si>
  <si>
    <t>医療法人　小池クリニック</t>
    <phoneticPr fontId="3"/>
  </si>
  <si>
    <t>医療法人　康木会</t>
    <phoneticPr fontId="3"/>
  </si>
  <si>
    <t>医療法人　ごとう皮膚科</t>
    <phoneticPr fontId="3"/>
  </si>
  <si>
    <t>医療法人　秀香会</t>
    <phoneticPr fontId="3"/>
  </si>
  <si>
    <t>医療法人　寿甲会</t>
    <phoneticPr fontId="3"/>
  </si>
  <si>
    <t>医療法人　信道会</t>
    <phoneticPr fontId="3"/>
  </si>
  <si>
    <t>医療法人　たけだクリニック</t>
    <phoneticPr fontId="3"/>
  </si>
  <si>
    <t>医療法人　中医会</t>
    <phoneticPr fontId="3"/>
  </si>
  <si>
    <t>医療法人　植田産婦人科</t>
    <phoneticPr fontId="3"/>
  </si>
  <si>
    <t>医療法人　上田内科クリニック</t>
    <phoneticPr fontId="3"/>
  </si>
  <si>
    <t>医療法人　隆明会</t>
    <phoneticPr fontId="3"/>
  </si>
  <si>
    <t>医療法人　良月会</t>
    <phoneticPr fontId="3"/>
  </si>
  <si>
    <t>医療法人　辻クリニック</t>
    <phoneticPr fontId="3"/>
  </si>
  <si>
    <t>医療法人　栄仁会</t>
    <phoneticPr fontId="3"/>
  </si>
  <si>
    <t>医療法人　槐樹会</t>
    <phoneticPr fontId="3"/>
  </si>
  <si>
    <t>医療法人　和佑会</t>
    <phoneticPr fontId="3"/>
  </si>
  <si>
    <t>医療法人　佳文会</t>
    <phoneticPr fontId="3"/>
  </si>
  <si>
    <t>医療法人　晟裕会こうの歯科診療所</t>
    <phoneticPr fontId="3"/>
  </si>
  <si>
    <t>医療法人　ヒグチ歯科医院</t>
    <phoneticPr fontId="3"/>
  </si>
  <si>
    <t>医療法人　音和会</t>
    <phoneticPr fontId="3"/>
  </si>
  <si>
    <t>医療法人　かわすみクリニック</t>
    <phoneticPr fontId="3"/>
  </si>
  <si>
    <t>医療法人　桔梗会</t>
    <phoneticPr fontId="3"/>
  </si>
  <si>
    <t>医療法人　喜新会</t>
    <phoneticPr fontId="3"/>
  </si>
  <si>
    <t>医療法人　徹仁会</t>
    <phoneticPr fontId="3"/>
  </si>
  <si>
    <t>医療法人　橘甲会</t>
    <phoneticPr fontId="3"/>
  </si>
  <si>
    <t>医療法人　西岡医院</t>
    <phoneticPr fontId="3"/>
  </si>
  <si>
    <t>医療法人　久正会畠中クリニック</t>
    <rPh sb="5" eb="6">
      <t>キュウ</t>
    </rPh>
    <rPh sb="6" eb="7">
      <t>セイ</t>
    </rPh>
    <rPh sb="7" eb="8">
      <t>カイ</t>
    </rPh>
    <rPh sb="8" eb="9">
      <t>ハタケ</t>
    </rPh>
    <rPh sb="9" eb="10">
      <t>ナカ</t>
    </rPh>
    <phoneticPr fontId="3"/>
  </si>
  <si>
    <t>医療法人　ふるおかクリニック</t>
    <phoneticPr fontId="3"/>
  </si>
  <si>
    <t>医療法人　瑞月会</t>
    <phoneticPr fontId="3"/>
  </si>
  <si>
    <t>医療法人　村上整形外科</t>
    <phoneticPr fontId="3"/>
  </si>
  <si>
    <t>医療法人　メディコンフォート</t>
    <phoneticPr fontId="3"/>
  </si>
  <si>
    <t>医療法人　山口クリニック</t>
    <phoneticPr fontId="3"/>
  </si>
  <si>
    <t>医療法人　ゆうき会</t>
    <phoneticPr fontId="3"/>
  </si>
  <si>
    <t>医療法人　雄友会</t>
    <phoneticPr fontId="3"/>
  </si>
  <si>
    <t>医療法人　佐々木会</t>
    <phoneticPr fontId="3"/>
  </si>
  <si>
    <t>医療法人　亥埜クリニック</t>
    <phoneticPr fontId="3"/>
  </si>
  <si>
    <t>医療法人　七覚会</t>
    <phoneticPr fontId="3"/>
  </si>
  <si>
    <t>医療法人　平野内科クリニック</t>
    <phoneticPr fontId="3"/>
  </si>
  <si>
    <t>医療法人　悠弘会</t>
    <phoneticPr fontId="3"/>
  </si>
  <si>
    <t>医療法人　松徳会</t>
    <phoneticPr fontId="3"/>
  </si>
  <si>
    <t>医療法人　くぼ眼科クリニック</t>
    <phoneticPr fontId="3"/>
  </si>
  <si>
    <t>医療法人　松翔会</t>
    <phoneticPr fontId="3"/>
  </si>
  <si>
    <t>医療法人　入野医院</t>
    <phoneticPr fontId="3"/>
  </si>
  <si>
    <t>医療法人　尚佑会</t>
    <phoneticPr fontId="3"/>
  </si>
  <si>
    <t>医療法人　幸人会</t>
    <phoneticPr fontId="3"/>
  </si>
  <si>
    <t>医療法人　恵愛会</t>
    <phoneticPr fontId="3"/>
  </si>
  <si>
    <t>医療法人　さなす会</t>
    <phoneticPr fontId="3"/>
  </si>
  <si>
    <t>医療法人　川井歯科</t>
    <phoneticPr fontId="3"/>
  </si>
  <si>
    <t>医療法人　プラテス</t>
    <phoneticPr fontId="3"/>
  </si>
  <si>
    <t>医療法人　桃和会</t>
    <phoneticPr fontId="3"/>
  </si>
  <si>
    <t>医療法人　たかせ皮フ科</t>
    <phoneticPr fontId="3"/>
  </si>
  <si>
    <t>医療法人　いわさき眼科クリニック</t>
    <phoneticPr fontId="3"/>
  </si>
  <si>
    <t>医療法人　浩和会</t>
    <phoneticPr fontId="3"/>
  </si>
  <si>
    <t>医療法人　ひつじ会</t>
    <phoneticPr fontId="3"/>
  </si>
  <si>
    <t>医療法人　輝笑会</t>
    <phoneticPr fontId="3"/>
  </si>
  <si>
    <t>医療法人　英信会</t>
    <phoneticPr fontId="3"/>
  </si>
  <si>
    <t>医療法人　かんの歯科クリニック</t>
    <phoneticPr fontId="3"/>
  </si>
  <si>
    <t>医療法人　侑徳会</t>
    <phoneticPr fontId="3"/>
  </si>
  <si>
    <t>医療法人　英紫会</t>
    <phoneticPr fontId="3"/>
  </si>
  <si>
    <t>医療法人　Ｍ＆Ｎ岡本歯科医院</t>
    <phoneticPr fontId="3"/>
  </si>
  <si>
    <t>医療法人　俊慈会</t>
    <phoneticPr fontId="3"/>
  </si>
  <si>
    <t>医療法人　柏木会</t>
    <phoneticPr fontId="3"/>
  </si>
  <si>
    <t>医療法人　長尾歯科医院</t>
    <phoneticPr fontId="3"/>
  </si>
  <si>
    <t>医療法人　赤木医院</t>
    <phoneticPr fontId="3"/>
  </si>
  <si>
    <t>医療法人　いちょう会</t>
    <phoneticPr fontId="3"/>
  </si>
  <si>
    <t>医療法人　北村診療所</t>
    <phoneticPr fontId="3"/>
  </si>
  <si>
    <t>医療法人　上野会</t>
    <phoneticPr fontId="3"/>
  </si>
  <si>
    <t>医療法人　南眼科</t>
    <phoneticPr fontId="3"/>
  </si>
  <si>
    <t>医療法人　髙田会</t>
    <phoneticPr fontId="3"/>
  </si>
  <si>
    <t>医療法人　裟貴会</t>
    <phoneticPr fontId="3"/>
  </si>
  <si>
    <t>医療法人　やまもと整形外科</t>
    <phoneticPr fontId="3"/>
  </si>
  <si>
    <t>医療法人　創夢会</t>
    <phoneticPr fontId="3"/>
  </si>
  <si>
    <t>医療法人　わだ歯科クリニック</t>
    <rPh sb="7" eb="9">
      <t>シカ</t>
    </rPh>
    <phoneticPr fontId="3"/>
  </si>
  <si>
    <t>医療法人　彩真会岡﨑歯科</t>
    <rPh sb="5" eb="6">
      <t>サイ</t>
    </rPh>
    <rPh sb="6" eb="7">
      <t>シン</t>
    </rPh>
    <rPh sb="7" eb="8">
      <t>カイ</t>
    </rPh>
    <rPh sb="8" eb="10">
      <t>オカザキ</t>
    </rPh>
    <rPh sb="10" eb="12">
      <t>シカ</t>
    </rPh>
    <phoneticPr fontId="3"/>
  </si>
  <si>
    <t>医療法人　光綾会</t>
    <rPh sb="5" eb="6">
      <t>ヒカリ</t>
    </rPh>
    <rPh sb="6" eb="7">
      <t>アヤ</t>
    </rPh>
    <phoneticPr fontId="3"/>
  </si>
  <si>
    <t>医療法人　明青会</t>
    <rPh sb="5" eb="6">
      <t>メイ</t>
    </rPh>
    <rPh sb="6" eb="7">
      <t>アオ</t>
    </rPh>
    <phoneticPr fontId="3"/>
  </si>
  <si>
    <t>医療法人　聡史会</t>
    <rPh sb="5" eb="6">
      <t>サトシ</t>
    </rPh>
    <rPh sb="6" eb="7">
      <t>シ</t>
    </rPh>
    <phoneticPr fontId="3"/>
  </si>
  <si>
    <t>医療法人　春信会</t>
    <rPh sb="5" eb="6">
      <t>ハル</t>
    </rPh>
    <rPh sb="6" eb="7">
      <t>シン</t>
    </rPh>
    <phoneticPr fontId="3"/>
  </si>
  <si>
    <t>医療法人　福井クリニック</t>
    <rPh sb="5" eb="7">
      <t>フクイ</t>
    </rPh>
    <phoneticPr fontId="3"/>
  </si>
  <si>
    <t>医療法人　大雅会</t>
    <rPh sb="5" eb="6">
      <t>ダイ</t>
    </rPh>
    <rPh sb="6" eb="7">
      <t>ミヤビ</t>
    </rPh>
    <phoneticPr fontId="3"/>
  </si>
  <si>
    <t>医療法人　小谷会</t>
    <rPh sb="5" eb="7">
      <t>コタニ</t>
    </rPh>
    <phoneticPr fontId="3"/>
  </si>
  <si>
    <t>医療法人　淑蘭会</t>
    <rPh sb="5" eb="6">
      <t>シュク</t>
    </rPh>
    <rPh sb="6" eb="7">
      <t>ラン</t>
    </rPh>
    <phoneticPr fontId="3"/>
  </si>
  <si>
    <t>医療法人　中川会</t>
    <rPh sb="5" eb="7">
      <t>ナカガワ</t>
    </rPh>
    <phoneticPr fontId="3"/>
  </si>
  <si>
    <t>医療法人　育心会</t>
    <rPh sb="5" eb="6">
      <t>イク</t>
    </rPh>
    <rPh sb="6" eb="7">
      <t>ココロ</t>
    </rPh>
    <phoneticPr fontId="3"/>
  </si>
  <si>
    <t>医療法人　精信会</t>
    <rPh sb="5" eb="6">
      <t>セイ</t>
    </rPh>
    <rPh sb="6" eb="7">
      <t>シン</t>
    </rPh>
    <phoneticPr fontId="3"/>
  </si>
  <si>
    <t>医療法人　井上会</t>
    <rPh sb="5" eb="7">
      <t>イノウエ</t>
    </rPh>
    <phoneticPr fontId="3"/>
  </si>
  <si>
    <t>医療法人　誠佑会</t>
    <rPh sb="5" eb="6">
      <t>マコト</t>
    </rPh>
    <rPh sb="6" eb="7">
      <t>ユウ</t>
    </rPh>
    <phoneticPr fontId="3"/>
  </si>
  <si>
    <t>医療法人　泰明堂</t>
    <rPh sb="5" eb="6">
      <t>タイ</t>
    </rPh>
    <rPh sb="6" eb="7">
      <t>メイ</t>
    </rPh>
    <rPh sb="7" eb="8">
      <t>ドウ</t>
    </rPh>
    <phoneticPr fontId="3"/>
  </si>
  <si>
    <t>医療法人　さくら会</t>
    <phoneticPr fontId="3"/>
  </si>
  <si>
    <t>医療法人　えびす会</t>
    <phoneticPr fontId="3"/>
  </si>
  <si>
    <t>医療法人　眞鳳会</t>
    <rPh sb="5" eb="6">
      <t>マ</t>
    </rPh>
    <rPh sb="6" eb="7">
      <t>オオトリ</t>
    </rPh>
    <phoneticPr fontId="3"/>
  </si>
  <si>
    <t>医療法人　優昌会</t>
    <rPh sb="5" eb="6">
      <t>ユウ</t>
    </rPh>
    <rPh sb="6" eb="7">
      <t>ショウ</t>
    </rPh>
    <rPh sb="7" eb="8">
      <t>カイ</t>
    </rPh>
    <phoneticPr fontId="3"/>
  </si>
  <si>
    <t>医療法人　立栄会</t>
    <rPh sb="5" eb="6">
      <t>タ</t>
    </rPh>
    <rPh sb="6" eb="7">
      <t>サカエ</t>
    </rPh>
    <phoneticPr fontId="3"/>
  </si>
  <si>
    <t>医療法人　健勝会</t>
    <rPh sb="5" eb="6">
      <t>ケン</t>
    </rPh>
    <rPh sb="6" eb="7">
      <t>カ</t>
    </rPh>
    <phoneticPr fontId="3"/>
  </si>
  <si>
    <t>医療法人　博誠会</t>
    <rPh sb="5" eb="6">
      <t>ヒロシ</t>
    </rPh>
    <rPh sb="6" eb="7">
      <t>マコト</t>
    </rPh>
    <phoneticPr fontId="3"/>
  </si>
  <si>
    <t>医療法人　聖友会</t>
    <rPh sb="5" eb="6">
      <t>セイ</t>
    </rPh>
    <rPh sb="6" eb="7">
      <t>トモ</t>
    </rPh>
    <phoneticPr fontId="3"/>
  </si>
  <si>
    <t>医療法人　白桜会</t>
    <rPh sb="5" eb="6">
      <t>シロ</t>
    </rPh>
    <rPh sb="6" eb="7">
      <t>サクラ</t>
    </rPh>
    <phoneticPr fontId="3"/>
  </si>
  <si>
    <t>医療法人社団　美章会</t>
    <rPh sb="4" eb="6">
      <t>シャダン</t>
    </rPh>
    <rPh sb="7" eb="8">
      <t>ビ</t>
    </rPh>
    <rPh sb="8" eb="9">
      <t>アキラ</t>
    </rPh>
    <rPh sb="9" eb="10">
      <t>カイ</t>
    </rPh>
    <phoneticPr fontId="3"/>
  </si>
  <si>
    <t>医療法人　翔寿会</t>
    <rPh sb="5" eb="6">
      <t>ショウ</t>
    </rPh>
    <rPh sb="6" eb="7">
      <t>ジュ</t>
    </rPh>
    <rPh sb="7" eb="8">
      <t>カイ</t>
    </rPh>
    <phoneticPr fontId="3"/>
  </si>
  <si>
    <t>医療法人社団　適塾会</t>
    <rPh sb="0" eb="2">
      <t>イリョウ</t>
    </rPh>
    <rPh sb="2" eb="4">
      <t>ホウジン</t>
    </rPh>
    <rPh sb="4" eb="6">
      <t>シャダン</t>
    </rPh>
    <rPh sb="7" eb="8">
      <t>テキ</t>
    </rPh>
    <rPh sb="8" eb="9">
      <t>ジュク</t>
    </rPh>
    <rPh sb="9" eb="10">
      <t>カイ</t>
    </rPh>
    <phoneticPr fontId="3"/>
  </si>
  <si>
    <t>医療法人　ＭＯ会</t>
    <rPh sb="7" eb="8">
      <t>カイ</t>
    </rPh>
    <phoneticPr fontId="3"/>
  </si>
  <si>
    <t>医療法人　小室会</t>
    <rPh sb="5" eb="7">
      <t>コムロ</t>
    </rPh>
    <rPh sb="7" eb="8">
      <t>カイ</t>
    </rPh>
    <phoneticPr fontId="6"/>
  </si>
  <si>
    <t>医療法人　華拓昇会</t>
    <rPh sb="5" eb="6">
      <t>ハナ</t>
    </rPh>
    <rPh sb="6" eb="7">
      <t>タク</t>
    </rPh>
    <rPh sb="7" eb="8">
      <t>ノボル</t>
    </rPh>
    <rPh sb="8" eb="9">
      <t>カイ</t>
    </rPh>
    <phoneticPr fontId="3"/>
  </si>
  <si>
    <t>医療法人　禾北会</t>
    <rPh sb="0" eb="2">
      <t>イリョウ</t>
    </rPh>
    <rPh sb="2" eb="4">
      <t>ホウジン</t>
    </rPh>
    <rPh sb="5" eb="6">
      <t>ノギ</t>
    </rPh>
    <rPh sb="6" eb="7">
      <t>キタ</t>
    </rPh>
    <rPh sb="7" eb="8">
      <t>カイ</t>
    </rPh>
    <phoneticPr fontId="3"/>
  </si>
  <si>
    <t>医療法人社団　ヴィヴェンシアクリニック</t>
    <phoneticPr fontId="6"/>
  </si>
  <si>
    <t>医療法人　大須賀内科</t>
    <rPh sb="5" eb="8">
      <t>オオスカ</t>
    </rPh>
    <phoneticPr fontId="3"/>
  </si>
  <si>
    <t>医療法人　芙蓉会</t>
    <phoneticPr fontId="3"/>
  </si>
  <si>
    <t>医療法人　悠櫻会</t>
    <rPh sb="5" eb="6">
      <t>ユウ</t>
    </rPh>
    <rPh sb="6" eb="7">
      <t>サクラ</t>
    </rPh>
    <rPh sb="7" eb="8">
      <t>カイ</t>
    </rPh>
    <phoneticPr fontId="3"/>
  </si>
  <si>
    <t>医療法人　笑寿会</t>
    <rPh sb="5" eb="6">
      <t>エ</t>
    </rPh>
    <rPh sb="6" eb="7">
      <t>ジュ</t>
    </rPh>
    <rPh sb="7" eb="8">
      <t>カイ</t>
    </rPh>
    <phoneticPr fontId="3"/>
  </si>
  <si>
    <t>医療法人　英歯会</t>
    <rPh sb="5" eb="6">
      <t>エイ</t>
    </rPh>
    <rPh sb="6" eb="7">
      <t>ハ</t>
    </rPh>
    <rPh sb="7" eb="8">
      <t>カイ</t>
    </rPh>
    <phoneticPr fontId="3"/>
  </si>
  <si>
    <t>医療法人　真生会</t>
    <phoneticPr fontId="3"/>
  </si>
  <si>
    <t>医療法人　栄功会</t>
    <phoneticPr fontId="3"/>
  </si>
  <si>
    <t>医療法人　光慈会</t>
    <rPh sb="5" eb="6">
      <t>ヒカリ</t>
    </rPh>
    <rPh sb="6" eb="7">
      <t>ジ</t>
    </rPh>
    <phoneticPr fontId="3"/>
  </si>
  <si>
    <t>医療法人　良仁会</t>
    <rPh sb="5" eb="6">
      <t>ヨ</t>
    </rPh>
    <rPh sb="6" eb="7">
      <t>ジン</t>
    </rPh>
    <phoneticPr fontId="3"/>
  </si>
  <si>
    <t>医療法人　村上整形外科</t>
    <phoneticPr fontId="3"/>
  </si>
  <si>
    <t>医療法人　雅会</t>
    <rPh sb="5" eb="6">
      <t>ミヤビ</t>
    </rPh>
    <phoneticPr fontId="3"/>
  </si>
  <si>
    <t>医療法人　大平会</t>
    <rPh sb="5" eb="7">
      <t>オオヒラ</t>
    </rPh>
    <rPh sb="7" eb="8">
      <t>カイ</t>
    </rPh>
    <phoneticPr fontId="3"/>
  </si>
  <si>
    <t>医療法人　宏和会</t>
    <phoneticPr fontId="3"/>
  </si>
  <si>
    <t>医療法人　優聖会</t>
    <phoneticPr fontId="3"/>
  </si>
  <si>
    <t>大阪市西区北堀江2-15-7</t>
    <rPh sb="3" eb="5">
      <t>ニシク</t>
    </rPh>
    <rPh sb="5" eb="8">
      <t>キタホリエ</t>
    </rPh>
    <phoneticPr fontId="3"/>
  </si>
  <si>
    <t>医療法人　彩叶会</t>
    <rPh sb="5" eb="8">
      <t>アヤカナウカイ</t>
    </rPh>
    <phoneticPr fontId="3"/>
  </si>
  <si>
    <t>大阪市中央区南船場3-5-28　6Ｆ</t>
    <rPh sb="3" eb="6">
      <t>チュウオウク</t>
    </rPh>
    <rPh sb="6" eb="9">
      <t>ミナミセンバ</t>
    </rPh>
    <phoneticPr fontId="3"/>
  </si>
  <si>
    <t>医療法人　堀江会</t>
    <rPh sb="5" eb="8">
      <t>ホリエカイ</t>
    </rPh>
    <phoneticPr fontId="3"/>
  </si>
  <si>
    <t>大阪市西区南堀江3-12-23</t>
    <rPh sb="3" eb="5">
      <t>ニシク</t>
    </rPh>
    <rPh sb="5" eb="8">
      <t>ミナミホリエ</t>
    </rPh>
    <phoneticPr fontId="3"/>
  </si>
  <si>
    <t>医療法人　美翔会</t>
    <rPh sb="5" eb="8">
      <t>ビショウカイ</t>
    </rPh>
    <phoneticPr fontId="3"/>
  </si>
  <si>
    <t>医療法人　厚生会</t>
    <rPh sb="5" eb="7">
      <t>コウセイ</t>
    </rPh>
    <rPh sb="7" eb="8">
      <t>カイ</t>
    </rPh>
    <phoneticPr fontId="3"/>
  </si>
  <si>
    <t>大阪市天王寺区石ヶ辻町18-21上六ときわビル4階</t>
    <rPh sb="3" eb="7">
      <t>テンノウジク</t>
    </rPh>
    <rPh sb="7" eb="11">
      <t>イシガツジチョウ</t>
    </rPh>
    <rPh sb="16" eb="18">
      <t>ウエロク</t>
    </rPh>
    <rPh sb="24" eb="25">
      <t>カイ</t>
    </rPh>
    <phoneticPr fontId="3"/>
  </si>
  <si>
    <t>大阪市北区曽根崎2-15-29　ADﾋﾞﾙ梅田9階</t>
    <rPh sb="3" eb="5">
      <t>キタク</t>
    </rPh>
    <phoneticPr fontId="3"/>
  </si>
  <si>
    <t>医療法人　れんげ会(旧小川会)</t>
    <rPh sb="8" eb="9">
      <t>カイ</t>
    </rPh>
    <rPh sb="10" eb="11">
      <t>キュウ</t>
    </rPh>
    <phoneticPr fontId="3"/>
  </si>
  <si>
    <t>医療法人　健優会</t>
    <rPh sb="0" eb="2">
      <t>イリョウ</t>
    </rPh>
    <rPh sb="2" eb="4">
      <t>ホウジン</t>
    </rPh>
    <rPh sb="5" eb="6">
      <t>ケン</t>
    </rPh>
    <rPh sb="6" eb="7">
      <t>ユウ</t>
    </rPh>
    <rPh sb="7" eb="8">
      <t>カイ</t>
    </rPh>
    <phoneticPr fontId="3"/>
  </si>
  <si>
    <t>医療法人　すずらん会</t>
    <rPh sb="0" eb="2">
      <t>イリョウ</t>
    </rPh>
    <rPh sb="2" eb="4">
      <t>ホウジン</t>
    </rPh>
    <rPh sb="9" eb="10">
      <t>カイ</t>
    </rPh>
    <phoneticPr fontId="3"/>
  </si>
  <si>
    <t>医療法人　寿佳会</t>
    <rPh sb="0" eb="2">
      <t>イリョウ</t>
    </rPh>
    <rPh sb="2" eb="4">
      <t>ホウジン</t>
    </rPh>
    <rPh sb="5" eb="6">
      <t>コトブキ</t>
    </rPh>
    <rPh sb="6" eb="7">
      <t>ケイ</t>
    </rPh>
    <rPh sb="7" eb="8">
      <t>カイ</t>
    </rPh>
    <phoneticPr fontId="3"/>
  </si>
  <si>
    <t>医療法人　あかぎ小児科</t>
    <rPh sb="0" eb="2">
      <t>イリョウ</t>
    </rPh>
    <rPh sb="2" eb="4">
      <t>ホウジン</t>
    </rPh>
    <rPh sb="8" eb="10">
      <t>ショウニ</t>
    </rPh>
    <rPh sb="10" eb="11">
      <t>カ</t>
    </rPh>
    <phoneticPr fontId="3"/>
  </si>
  <si>
    <t>医療法人　美明会</t>
    <rPh sb="0" eb="2">
      <t>イリョウ</t>
    </rPh>
    <rPh sb="2" eb="4">
      <t>ホウジン</t>
    </rPh>
    <rPh sb="5" eb="6">
      <t>ビ</t>
    </rPh>
    <rPh sb="6" eb="7">
      <t>メイ</t>
    </rPh>
    <rPh sb="7" eb="8">
      <t>カイ</t>
    </rPh>
    <phoneticPr fontId="3"/>
  </si>
  <si>
    <t>医療法人　京春会</t>
    <rPh sb="0" eb="2">
      <t>イリョウ</t>
    </rPh>
    <rPh sb="2" eb="4">
      <t>ホウジン</t>
    </rPh>
    <rPh sb="5" eb="6">
      <t>キョウ</t>
    </rPh>
    <rPh sb="6" eb="7">
      <t>ハル</t>
    </rPh>
    <rPh sb="7" eb="8">
      <t>カイ</t>
    </rPh>
    <phoneticPr fontId="3"/>
  </si>
  <si>
    <t>医療法人　秀晄会コムロ美容外科</t>
    <rPh sb="0" eb="2">
      <t>イリョウ</t>
    </rPh>
    <rPh sb="2" eb="4">
      <t>ホウジン</t>
    </rPh>
    <rPh sb="5" eb="6">
      <t>ヒデ</t>
    </rPh>
    <rPh sb="6" eb="7">
      <t>アキ</t>
    </rPh>
    <rPh sb="7" eb="8">
      <t>カイ</t>
    </rPh>
    <rPh sb="11" eb="13">
      <t>ビヨウ</t>
    </rPh>
    <rPh sb="13" eb="15">
      <t>ゲカ</t>
    </rPh>
    <phoneticPr fontId="3"/>
  </si>
  <si>
    <t>医療法人　磯川医院</t>
    <rPh sb="0" eb="2">
      <t>イリョウ</t>
    </rPh>
    <rPh sb="2" eb="4">
      <t>ホウジン</t>
    </rPh>
    <rPh sb="5" eb="7">
      <t>イソカワ</t>
    </rPh>
    <rPh sb="7" eb="9">
      <t>イイン</t>
    </rPh>
    <phoneticPr fontId="3"/>
  </si>
  <si>
    <t>医療法人　啓春会</t>
    <rPh sb="0" eb="2">
      <t>イリョウ</t>
    </rPh>
    <rPh sb="2" eb="4">
      <t>ホウジン</t>
    </rPh>
    <rPh sb="5" eb="6">
      <t>ケイ</t>
    </rPh>
    <rPh sb="6" eb="7">
      <t>ハル</t>
    </rPh>
    <rPh sb="7" eb="8">
      <t>カイ</t>
    </rPh>
    <phoneticPr fontId="3"/>
  </si>
  <si>
    <t>医療法人　一健会</t>
    <rPh sb="0" eb="2">
      <t>イリョウ</t>
    </rPh>
    <rPh sb="2" eb="4">
      <t>ホウジン</t>
    </rPh>
    <rPh sb="5" eb="6">
      <t>イチ</t>
    </rPh>
    <rPh sb="6" eb="7">
      <t>ケン</t>
    </rPh>
    <rPh sb="7" eb="8">
      <t>カイ</t>
    </rPh>
    <phoneticPr fontId="3"/>
  </si>
  <si>
    <t>医療法人　霜星会</t>
    <rPh sb="0" eb="2">
      <t>イリョウ</t>
    </rPh>
    <rPh sb="2" eb="4">
      <t>ホウジン</t>
    </rPh>
    <rPh sb="5" eb="6">
      <t>シモ</t>
    </rPh>
    <rPh sb="6" eb="7">
      <t>ホシ</t>
    </rPh>
    <rPh sb="7" eb="8">
      <t>カイ</t>
    </rPh>
    <phoneticPr fontId="3"/>
  </si>
  <si>
    <t>医療法人　侑愛会</t>
    <rPh sb="0" eb="2">
      <t>イリョウ</t>
    </rPh>
    <rPh sb="2" eb="4">
      <t>ホウジン</t>
    </rPh>
    <rPh sb="5" eb="6">
      <t>ススム</t>
    </rPh>
    <rPh sb="6" eb="7">
      <t>アイ</t>
    </rPh>
    <rPh sb="7" eb="8">
      <t>カイ</t>
    </rPh>
    <phoneticPr fontId="3"/>
  </si>
  <si>
    <t>医療法人　令和健心会</t>
    <rPh sb="0" eb="4">
      <t>イリョウホウジン</t>
    </rPh>
    <rPh sb="5" eb="7">
      <t>レイワ</t>
    </rPh>
    <rPh sb="7" eb="8">
      <t>ケン</t>
    </rPh>
    <rPh sb="8" eb="9">
      <t>シン</t>
    </rPh>
    <rPh sb="9" eb="10">
      <t>カイ</t>
    </rPh>
    <phoneticPr fontId="3"/>
  </si>
  <si>
    <t>医療法人　佑希会</t>
    <rPh sb="0" eb="4">
      <t>イリョウホウジン</t>
    </rPh>
    <rPh sb="5" eb="6">
      <t>ユウ</t>
    </rPh>
    <rPh sb="6" eb="7">
      <t>キ</t>
    </rPh>
    <rPh sb="7" eb="8">
      <t>カイ</t>
    </rPh>
    <phoneticPr fontId="3"/>
  </si>
  <si>
    <t>医療法人　健真会</t>
    <rPh sb="0" eb="4">
      <t>イリョウホウジン</t>
    </rPh>
    <rPh sb="5" eb="6">
      <t>ケン</t>
    </rPh>
    <rPh sb="6" eb="7">
      <t>マコト</t>
    </rPh>
    <rPh sb="7" eb="8">
      <t>カイ</t>
    </rPh>
    <phoneticPr fontId="3"/>
  </si>
  <si>
    <t>医療法人　紫鳳会</t>
    <rPh sb="0" eb="4">
      <t>イリョウホウジン</t>
    </rPh>
    <rPh sb="5" eb="6">
      <t>ムラサキ</t>
    </rPh>
    <rPh sb="6" eb="7">
      <t>オオトリ</t>
    </rPh>
    <rPh sb="7" eb="8">
      <t>カイ</t>
    </rPh>
    <phoneticPr fontId="3"/>
  </si>
  <si>
    <t>医療法人　アティ歯科クリニック</t>
    <rPh sb="0" eb="4">
      <t>イリョウホウジン</t>
    </rPh>
    <rPh sb="8" eb="10">
      <t>シカ</t>
    </rPh>
    <phoneticPr fontId="3"/>
  </si>
  <si>
    <t>医療法人　あかり会</t>
    <rPh sb="0" eb="4">
      <t>イリョウホウジン</t>
    </rPh>
    <rPh sb="8" eb="9">
      <t>カイ</t>
    </rPh>
    <phoneticPr fontId="3"/>
  </si>
  <si>
    <t>医療法人　清寧会</t>
    <rPh sb="0" eb="4">
      <t>イリョウホウジン</t>
    </rPh>
    <rPh sb="5" eb="6">
      <t>キヨ</t>
    </rPh>
    <rPh sb="6" eb="7">
      <t>ネイ</t>
    </rPh>
    <rPh sb="7" eb="8">
      <t>カイ</t>
    </rPh>
    <phoneticPr fontId="3"/>
  </si>
  <si>
    <t>医療法人　Ｍｅｄｉｃａｌ　Ｉｎｎｏｖａｔｉｏｎ</t>
    <rPh sb="0" eb="2">
      <t>イリョウ</t>
    </rPh>
    <rPh sb="2" eb="4">
      <t>ホウジン</t>
    </rPh>
    <phoneticPr fontId="3"/>
  </si>
  <si>
    <t>医療法人　ＶＥＲＹ</t>
    <rPh sb="0" eb="4">
      <t>イリョウホウジン</t>
    </rPh>
    <phoneticPr fontId="3"/>
  </si>
  <si>
    <t>医療法人　Ｈａｎｉｃｏ</t>
    <rPh sb="0" eb="4">
      <t>イリョウホウジン</t>
    </rPh>
    <phoneticPr fontId="3"/>
  </si>
  <si>
    <t>医療法人　フルカワ歯科診療所</t>
    <rPh sb="0" eb="4">
      <t>イリョウホウジン</t>
    </rPh>
    <phoneticPr fontId="3"/>
  </si>
  <si>
    <t>東住吉区</t>
    <rPh sb="0" eb="4">
      <t>ヒガシスミヨシク</t>
    </rPh>
    <phoneticPr fontId="3"/>
  </si>
  <si>
    <t>医療法人　ｌａ　ｃｏｎｆｉａｎｃｅ</t>
    <rPh sb="0" eb="4">
      <t>イリョウホウジン</t>
    </rPh>
    <phoneticPr fontId="3"/>
  </si>
  <si>
    <t>大阪市北区曽根崎新地一丁目4番20号</t>
    <phoneticPr fontId="3"/>
  </si>
  <si>
    <t>大阪市北区芝田一丁目10番8号
山中ビル6Ｆ</t>
    <phoneticPr fontId="3"/>
  </si>
  <si>
    <t>大阪市淀川区新高二丁目3番2号</t>
    <phoneticPr fontId="3"/>
  </si>
  <si>
    <t>大阪市福島区海老江一丁目2番17号
阪神野田駅前ノースサイドビル2階</t>
    <phoneticPr fontId="3"/>
  </si>
  <si>
    <t>大阪市西淀川区千舟二丁目8番28号
信栄千船ビル1階</t>
    <phoneticPr fontId="3"/>
  </si>
  <si>
    <t>大阪市西淀川区姫里二丁目1番22号</t>
    <phoneticPr fontId="3"/>
  </si>
  <si>
    <t>大阪市中央区本町三丁目2番6号
本町ドリームビル1階</t>
    <phoneticPr fontId="3"/>
  </si>
  <si>
    <t>大阪市中央区南船場三丁目5番11号</t>
    <phoneticPr fontId="3"/>
  </si>
  <si>
    <t>大阪市中央区心斎橋筋一丁目10番11号
ルフレ21 8階</t>
    <rPh sb="10" eb="11">
      <t>１</t>
    </rPh>
    <phoneticPr fontId="3"/>
  </si>
  <si>
    <t>大阪市鶴見区諸口三丁目1番15号</t>
    <phoneticPr fontId="3"/>
  </si>
  <si>
    <t>大阪市城東区関目六丁目7番8号</t>
    <phoneticPr fontId="3"/>
  </si>
  <si>
    <t>大阪市天王寺区烏ヶ辻一丁目3番1号
熊谷ビル5階</t>
    <phoneticPr fontId="3"/>
  </si>
  <si>
    <t>大阪市阿倍野区阿倍野筋一丁目3番15号
阿倍野共同ビル7階</t>
    <phoneticPr fontId="3"/>
  </si>
  <si>
    <t>大阪市住吉区南住吉一丁目4番7号
メディカルセンター長居2階</t>
    <phoneticPr fontId="3"/>
  </si>
  <si>
    <t>大阪市平野区喜連東二丁目11番21号</t>
    <phoneticPr fontId="3"/>
  </si>
  <si>
    <t>大阪市北区西天満三丁目8番1号</t>
    <phoneticPr fontId="3"/>
  </si>
  <si>
    <t>大阪市北区芝田一丁目5番12号
備後屋ビル2階</t>
    <phoneticPr fontId="3"/>
  </si>
  <si>
    <t>大阪市東成区深江北一丁目2番11号</t>
    <phoneticPr fontId="3"/>
  </si>
  <si>
    <t>大阪市天王寺区玉造本町9番1号
フォレスト真田山1階</t>
    <phoneticPr fontId="3"/>
  </si>
  <si>
    <t>大阪市鶴見区鶴見三丁目12番23号
ドリームネオポリス鶴見Ⅲ201号</t>
    <phoneticPr fontId="3"/>
  </si>
  <si>
    <t>大阪市鶴見区鶴見五丁目2番2号
アルバグランデﾞ1階</t>
    <phoneticPr fontId="3"/>
  </si>
  <si>
    <t>大阪市生野区巽東三丁目1番15号</t>
    <phoneticPr fontId="3"/>
  </si>
  <si>
    <t>大阪市住吉区我孫子東一丁目1番5号
サンシャイン我孫子101号室</t>
    <phoneticPr fontId="3"/>
  </si>
  <si>
    <t>大阪市住吉区長峡町2番16号</t>
    <phoneticPr fontId="3"/>
  </si>
  <si>
    <t>大阪市東住吉区北田辺四丁目26番8号</t>
    <phoneticPr fontId="3"/>
  </si>
  <si>
    <t>診療所法人</t>
    <phoneticPr fontId="3"/>
  </si>
  <si>
    <t>中央区</t>
    <rPh sb="0" eb="3">
      <t>チュウオウク</t>
    </rPh>
    <phoneticPr fontId="3"/>
  </si>
  <si>
    <t>医療法人　創美会</t>
    <rPh sb="0" eb="2">
      <t>イリョウ</t>
    </rPh>
    <rPh sb="2" eb="4">
      <t>ホウジン</t>
    </rPh>
    <rPh sb="5" eb="7">
      <t>ソウビ</t>
    </rPh>
    <rPh sb="7" eb="8">
      <t>カイ</t>
    </rPh>
    <phoneticPr fontId="3"/>
  </si>
  <si>
    <t>大阪市中央区難波四丁目7番6号R2ﾋﾞﾙ1・2・3・4・5階</t>
    <rPh sb="0" eb="3">
      <t>オオサカシ</t>
    </rPh>
    <rPh sb="3" eb="5">
      <t>チュウオウ</t>
    </rPh>
    <rPh sb="5" eb="6">
      <t>ク</t>
    </rPh>
    <rPh sb="6" eb="8">
      <t>ナンバ</t>
    </rPh>
    <rPh sb="8" eb="11">
      <t>ヨンチョウメ</t>
    </rPh>
    <rPh sb="12" eb="13">
      <t>バン</t>
    </rPh>
    <rPh sb="14" eb="15">
      <t>ゴウ</t>
    </rPh>
    <rPh sb="29" eb="30">
      <t>カイ</t>
    </rPh>
    <phoneticPr fontId="3"/>
  </si>
  <si>
    <t>医療法人　さつき会</t>
    <rPh sb="0" eb="2">
      <t>イリョウ</t>
    </rPh>
    <rPh sb="2" eb="4">
      <t>ホウジン</t>
    </rPh>
    <rPh sb="8" eb="9">
      <t>カイ</t>
    </rPh>
    <phoneticPr fontId="3"/>
  </si>
  <si>
    <t>医療法人　愛育会</t>
    <rPh sb="0" eb="2">
      <t>イリョウ</t>
    </rPh>
    <rPh sb="2" eb="4">
      <t>ホウジン</t>
    </rPh>
    <rPh sb="5" eb="6">
      <t>アイ</t>
    </rPh>
    <rPh sb="6" eb="7">
      <t>イク</t>
    </rPh>
    <rPh sb="7" eb="8">
      <t>カイ</t>
    </rPh>
    <phoneticPr fontId="3"/>
  </si>
  <si>
    <t>大阪市住吉区苅田三丁目17番20号サンライズヤマウチ1階</t>
    <rPh sb="0" eb="3">
      <t>オオサカシ</t>
    </rPh>
    <rPh sb="3" eb="6">
      <t>スミヨシク</t>
    </rPh>
    <rPh sb="6" eb="8">
      <t>カリタ</t>
    </rPh>
    <rPh sb="8" eb="11">
      <t>サンチョウメ</t>
    </rPh>
    <rPh sb="13" eb="14">
      <t>バン</t>
    </rPh>
    <rPh sb="16" eb="17">
      <t>ゴウ</t>
    </rPh>
    <rPh sb="27" eb="28">
      <t>カイ</t>
    </rPh>
    <phoneticPr fontId="3"/>
  </si>
  <si>
    <t>大阪市中央区西心斎橋一丁目1番13号</t>
    <rPh sb="0" eb="3">
      <t>オオサカシ</t>
    </rPh>
    <rPh sb="3" eb="6">
      <t>チュウオウク</t>
    </rPh>
    <rPh sb="6" eb="7">
      <t>ニシ</t>
    </rPh>
    <rPh sb="7" eb="10">
      <t>シンサイバシ</t>
    </rPh>
    <rPh sb="10" eb="13">
      <t>イッチョウメ</t>
    </rPh>
    <rPh sb="14" eb="15">
      <t>バン</t>
    </rPh>
    <rPh sb="17" eb="18">
      <t>ゴウ</t>
    </rPh>
    <phoneticPr fontId="3"/>
  </si>
  <si>
    <t>医療法人　後藤内科クリニック</t>
    <phoneticPr fontId="3"/>
  </si>
  <si>
    <t>医療法人　社団自然歯科</t>
    <rPh sb="0" eb="2">
      <t>イリョウ</t>
    </rPh>
    <rPh sb="2" eb="4">
      <t>ホウジン</t>
    </rPh>
    <rPh sb="5" eb="7">
      <t>シャダン</t>
    </rPh>
    <rPh sb="7" eb="9">
      <t>シゼン</t>
    </rPh>
    <rPh sb="9" eb="11">
      <t>シカ</t>
    </rPh>
    <phoneticPr fontId="3"/>
  </si>
  <si>
    <t>大阪市北区梅田一丁目12番17号</t>
    <rPh sb="0" eb="3">
      <t>オオサカシ</t>
    </rPh>
    <rPh sb="3" eb="5">
      <t>キタク</t>
    </rPh>
    <rPh sb="5" eb="7">
      <t>ウメダ</t>
    </rPh>
    <rPh sb="7" eb="10">
      <t>イッチョウメ</t>
    </rPh>
    <rPh sb="12" eb="13">
      <t>バン</t>
    </rPh>
    <rPh sb="15" eb="16">
      <t>ゴウ</t>
    </rPh>
    <phoneticPr fontId="3"/>
  </si>
  <si>
    <t>医療法人　優心会</t>
    <rPh sb="0" eb="2">
      <t>イリョウ</t>
    </rPh>
    <rPh sb="2" eb="4">
      <t>ホウジン</t>
    </rPh>
    <rPh sb="5" eb="6">
      <t>ヤサ</t>
    </rPh>
    <rPh sb="6" eb="7">
      <t>ココロ</t>
    </rPh>
    <rPh sb="7" eb="8">
      <t>カイ</t>
    </rPh>
    <phoneticPr fontId="3"/>
  </si>
  <si>
    <t>大阪市東成区神路一丁目５番８号</t>
    <rPh sb="0" eb="3">
      <t>オオサカシ</t>
    </rPh>
    <rPh sb="3" eb="6">
      <t>ヒガシナリク</t>
    </rPh>
    <rPh sb="6" eb="7">
      <t>カミ</t>
    </rPh>
    <rPh sb="8" eb="11">
      <t>イチチョウメ</t>
    </rPh>
    <rPh sb="12" eb="13">
      <t>バン</t>
    </rPh>
    <rPh sb="14" eb="15">
      <t>ゴウ</t>
    </rPh>
    <phoneticPr fontId="3"/>
  </si>
  <si>
    <t>東淀川区</t>
    <rPh sb="0" eb="4">
      <t>ヒガシヨドガワク</t>
    </rPh>
    <phoneticPr fontId="3"/>
  </si>
  <si>
    <t>医療法人　敬友会</t>
    <rPh sb="0" eb="2">
      <t>イリョウ</t>
    </rPh>
    <rPh sb="2" eb="4">
      <t>ホウジン</t>
    </rPh>
    <rPh sb="5" eb="6">
      <t>ケイ</t>
    </rPh>
    <rPh sb="6" eb="7">
      <t>ユウ</t>
    </rPh>
    <rPh sb="7" eb="8">
      <t>カイ</t>
    </rPh>
    <phoneticPr fontId="3"/>
  </si>
  <si>
    <t>大阪市東淀川区東中島４丁目２番５号　新大阪野元ビル１階</t>
    <rPh sb="8" eb="10">
      <t>ナカジマ</t>
    </rPh>
    <rPh sb="11" eb="13">
      <t>チョウメ</t>
    </rPh>
    <rPh sb="14" eb="15">
      <t>バン</t>
    </rPh>
    <rPh sb="16" eb="17">
      <t>ゴウ</t>
    </rPh>
    <rPh sb="18" eb="19">
      <t>シン</t>
    </rPh>
    <rPh sb="19" eb="21">
      <t>オオサカ</t>
    </rPh>
    <rPh sb="21" eb="22">
      <t>ノ</t>
    </rPh>
    <rPh sb="22" eb="23">
      <t>モト</t>
    </rPh>
    <rPh sb="26" eb="27">
      <t>カイ</t>
    </rPh>
    <phoneticPr fontId="3"/>
  </si>
  <si>
    <t>医療法人　つちだクリニック</t>
    <rPh sb="0" eb="2">
      <t>イリョウ</t>
    </rPh>
    <rPh sb="2" eb="4">
      <t>ホウジン</t>
    </rPh>
    <phoneticPr fontId="3"/>
  </si>
  <si>
    <t>大阪市浪速区元町二丁目６番５号５階</t>
    <rPh sb="8" eb="11">
      <t>ニチョウメ</t>
    </rPh>
    <rPh sb="12" eb="13">
      <t>バン</t>
    </rPh>
    <rPh sb="14" eb="15">
      <t>ゴウ</t>
    </rPh>
    <rPh sb="16" eb="17">
      <t>カイ</t>
    </rPh>
    <phoneticPr fontId="3"/>
  </si>
  <si>
    <t>診療所法人</t>
    <phoneticPr fontId="3"/>
  </si>
  <si>
    <t>住之江区</t>
    <rPh sb="0" eb="4">
      <t>スミノエク</t>
    </rPh>
    <phoneticPr fontId="3"/>
  </si>
  <si>
    <t>医療法人　すみのえ駅前歯科</t>
    <rPh sb="0" eb="2">
      <t>イリョウ</t>
    </rPh>
    <rPh sb="2" eb="4">
      <t>ホウジン</t>
    </rPh>
    <rPh sb="9" eb="10">
      <t>エキ</t>
    </rPh>
    <rPh sb="10" eb="11">
      <t>マエ</t>
    </rPh>
    <rPh sb="11" eb="13">
      <t>シカ</t>
    </rPh>
    <phoneticPr fontId="3"/>
  </si>
  <si>
    <t>大阪市住之江区西住之江区１丁目１番31号　N.KLASS住之江32号区画</t>
    <rPh sb="0" eb="3">
      <t>オオサカシ</t>
    </rPh>
    <rPh sb="3" eb="7">
      <t>スミノエク</t>
    </rPh>
    <rPh sb="7" eb="8">
      <t>ニシ</t>
    </rPh>
    <rPh sb="8" eb="12">
      <t>スミノエク</t>
    </rPh>
    <rPh sb="13" eb="15">
      <t>チョウメ</t>
    </rPh>
    <rPh sb="16" eb="17">
      <t>バン</t>
    </rPh>
    <rPh sb="19" eb="20">
      <t>ゴウ</t>
    </rPh>
    <rPh sb="28" eb="31">
      <t>スミノエ</t>
    </rPh>
    <rPh sb="33" eb="34">
      <t>ゴウ</t>
    </rPh>
    <rPh sb="34" eb="36">
      <t>クカク</t>
    </rPh>
    <phoneticPr fontId="3"/>
  </si>
  <si>
    <t>大阪市平野区平野北1-9-8</t>
    <phoneticPr fontId="3"/>
  </si>
  <si>
    <t>都島区</t>
    <rPh sb="0" eb="3">
      <t>ミヤコジマク</t>
    </rPh>
    <phoneticPr fontId="3"/>
  </si>
  <si>
    <t>医療法人　緑樹会</t>
    <rPh sb="0" eb="2">
      <t>イリョウ</t>
    </rPh>
    <rPh sb="2" eb="4">
      <t>ホウジン</t>
    </rPh>
    <rPh sb="5" eb="6">
      <t>ミドリ</t>
    </rPh>
    <rPh sb="6" eb="7">
      <t>ジュ</t>
    </rPh>
    <rPh sb="7" eb="8">
      <t>カイ</t>
    </rPh>
    <phoneticPr fontId="3"/>
  </si>
  <si>
    <t>大阪市都島区都島本通二丁目14番６号</t>
    <rPh sb="0" eb="3">
      <t>オオサカシ</t>
    </rPh>
    <rPh sb="3" eb="6">
      <t>ミヤコジマク</t>
    </rPh>
    <rPh sb="6" eb="8">
      <t>ミヤコジマ</t>
    </rPh>
    <rPh sb="8" eb="10">
      <t>ホンドオ</t>
    </rPh>
    <rPh sb="10" eb="13">
      <t>ニチョウメ</t>
    </rPh>
    <rPh sb="15" eb="16">
      <t>バン</t>
    </rPh>
    <rPh sb="17" eb="18">
      <t>ゴウ</t>
    </rPh>
    <phoneticPr fontId="3"/>
  </si>
  <si>
    <t>淀川区</t>
    <rPh sb="0" eb="3">
      <t>ヨドガワク</t>
    </rPh>
    <phoneticPr fontId="3"/>
  </si>
  <si>
    <t>医療法人　陽希会</t>
    <rPh sb="0" eb="2">
      <t>イリョウ</t>
    </rPh>
    <rPh sb="2" eb="4">
      <t>ホウジン</t>
    </rPh>
    <rPh sb="5" eb="7">
      <t>ハルキ</t>
    </rPh>
    <rPh sb="7" eb="8">
      <t>カイ</t>
    </rPh>
    <phoneticPr fontId="3"/>
  </si>
  <si>
    <t>大阪市淀川区西宮原3-3-98</t>
    <rPh sb="0" eb="3">
      <t>オオサカシ</t>
    </rPh>
    <rPh sb="3" eb="6">
      <t>ヨドガワク</t>
    </rPh>
    <phoneticPr fontId="3"/>
  </si>
  <si>
    <t>医療法人　公徳会</t>
    <rPh sb="0" eb="2">
      <t>イリョウ</t>
    </rPh>
    <rPh sb="2" eb="4">
      <t>ホウジン</t>
    </rPh>
    <rPh sb="5" eb="6">
      <t>オオヤケ</t>
    </rPh>
    <rPh sb="7" eb="8">
      <t>カイ</t>
    </rPh>
    <phoneticPr fontId="3"/>
  </si>
  <si>
    <t>大阪市中央区難波4-5-30</t>
    <rPh sb="0" eb="3">
      <t>オオサカシ</t>
    </rPh>
    <rPh sb="3" eb="6">
      <t>チュウオウク</t>
    </rPh>
    <phoneticPr fontId="3"/>
  </si>
  <si>
    <t>中央区</t>
    <rPh sb="0" eb="3">
      <t>チュウオウク</t>
    </rPh>
    <phoneticPr fontId="3"/>
  </si>
  <si>
    <t>医療法人　飛心会</t>
    <rPh sb="0" eb="2">
      <t>イリョウ</t>
    </rPh>
    <rPh sb="2" eb="4">
      <t>ホウジン</t>
    </rPh>
    <rPh sb="5" eb="6">
      <t>ト</t>
    </rPh>
    <rPh sb="6" eb="7">
      <t>ココロ</t>
    </rPh>
    <rPh sb="7" eb="8">
      <t>カイ</t>
    </rPh>
    <phoneticPr fontId="3"/>
  </si>
  <si>
    <t>大阪市中央区難波4-7-14-1002</t>
    <rPh sb="0" eb="3">
      <t>オオサカシ</t>
    </rPh>
    <rPh sb="3" eb="6">
      <t>チュウオウク</t>
    </rPh>
    <phoneticPr fontId="3"/>
  </si>
  <si>
    <t>診療所法人</t>
    <phoneticPr fontId="3"/>
  </si>
  <si>
    <t>診療所法人</t>
    <phoneticPr fontId="3"/>
  </si>
  <si>
    <t>北区</t>
    <rPh sb="0" eb="2">
      <t>キタク</t>
    </rPh>
    <phoneticPr fontId="3"/>
  </si>
  <si>
    <t>医療法人　健凛会</t>
    <rPh sb="0" eb="2">
      <t>イリョウ</t>
    </rPh>
    <rPh sb="2" eb="4">
      <t>ホウジン</t>
    </rPh>
    <rPh sb="5" eb="6">
      <t>ケン</t>
    </rPh>
    <rPh sb="6" eb="7">
      <t>リン</t>
    </rPh>
    <rPh sb="7" eb="8">
      <t>カイ</t>
    </rPh>
    <phoneticPr fontId="3"/>
  </si>
  <si>
    <t>大阪市北区天神橋1-13-4</t>
    <rPh sb="0" eb="3">
      <t>オオサカシ</t>
    </rPh>
    <rPh sb="3" eb="5">
      <t>キタク</t>
    </rPh>
    <phoneticPr fontId="3"/>
  </si>
  <si>
    <t>医療法人　美誠会</t>
    <rPh sb="0" eb="2">
      <t>イリョウ</t>
    </rPh>
    <rPh sb="2" eb="4">
      <t>ホウジン</t>
    </rPh>
    <rPh sb="5" eb="6">
      <t>ビ</t>
    </rPh>
    <rPh sb="6" eb="7">
      <t>マコト</t>
    </rPh>
    <rPh sb="7" eb="8">
      <t>カイ</t>
    </rPh>
    <phoneticPr fontId="3"/>
  </si>
  <si>
    <t>大阪市淀川区十三東2-9-10</t>
    <rPh sb="0" eb="3">
      <t>オオサカシ</t>
    </rPh>
    <rPh sb="3" eb="6">
      <t>ヨドガワク</t>
    </rPh>
    <phoneticPr fontId="3"/>
  </si>
  <si>
    <t>東淀川区</t>
    <rPh sb="0" eb="4">
      <t>ヒガシヨドガワク</t>
    </rPh>
    <phoneticPr fontId="3"/>
  </si>
  <si>
    <t>医療法人　隼人会</t>
    <rPh sb="0" eb="2">
      <t>イリョウ</t>
    </rPh>
    <rPh sb="2" eb="4">
      <t>ホウジン</t>
    </rPh>
    <rPh sb="5" eb="7">
      <t>ハヤト</t>
    </rPh>
    <rPh sb="7" eb="8">
      <t>カイ</t>
    </rPh>
    <phoneticPr fontId="3"/>
  </si>
  <si>
    <t>大阪市東淀川区淡路2-16-6シンプルコート1階</t>
    <rPh sb="0" eb="3">
      <t>オオサカシ</t>
    </rPh>
    <rPh sb="3" eb="7">
      <t>ヒガシヨドガワク</t>
    </rPh>
    <phoneticPr fontId="3"/>
  </si>
  <si>
    <t>医療法人　天満ＳＯＲＡクリニック</t>
    <rPh sb="0" eb="2">
      <t>イリョウ</t>
    </rPh>
    <rPh sb="2" eb="4">
      <t>ホウジン</t>
    </rPh>
    <rPh sb="5" eb="7">
      <t>テンマ</t>
    </rPh>
    <phoneticPr fontId="3"/>
  </si>
  <si>
    <t>大阪市北区浪花町4-9ＢＲＩＬＬＩＡＮＴ扇町公園1階</t>
    <rPh sb="0" eb="3">
      <t>オオサカシ</t>
    </rPh>
    <rPh sb="3" eb="5">
      <t>キタク</t>
    </rPh>
    <phoneticPr fontId="3"/>
  </si>
  <si>
    <t>住吉区</t>
    <rPh sb="0" eb="3">
      <t>スミヨシク</t>
    </rPh>
    <phoneticPr fontId="3"/>
  </si>
  <si>
    <t>医療法人　やまとメンタルクリニック</t>
    <rPh sb="0" eb="2">
      <t>イリョウ</t>
    </rPh>
    <rPh sb="2" eb="4">
      <t>ホウジン</t>
    </rPh>
    <phoneticPr fontId="3"/>
  </si>
  <si>
    <t>大阪市住吉区長居東4-4-15</t>
    <rPh sb="0" eb="3">
      <t>オオサカシ</t>
    </rPh>
    <rPh sb="3" eb="6">
      <t>スミヨシク</t>
    </rPh>
    <phoneticPr fontId="3"/>
  </si>
  <si>
    <t>西区</t>
    <rPh sb="0" eb="2">
      <t>ニシク</t>
    </rPh>
    <phoneticPr fontId="3"/>
  </si>
  <si>
    <t>医療法人　建祐会</t>
    <rPh sb="0" eb="2">
      <t>イリョウ</t>
    </rPh>
    <rPh sb="2" eb="4">
      <t>ホウジン</t>
    </rPh>
    <rPh sb="5" eb="7">
      <t>ケンスケ</t>
    </rPh>
    <rPh sb="7" eb="8">
      <t>カイ</t>
    </rPh>
    <phoneticPr fontId="3"/>
  </si>
  <si>
    <t>大阪市西区新町1-33-1ＯｎｅＳｈｉｎｍａｃｈｉ1階101号</t>
    <rPh sb="0" eb="3">
      <t>オオサカシ</t>
    </rPh>
    <rPh sb="3" eb="5">
      <t>ニシク</t>
    </rPh>
    <phoneticPr fontId="3"/>
  </si>
  <si>
    <t>医療法人　牧野歯科医院</t>
    <rPh sb="0" eb="2">
      <t>イリョウ</t>
    </rPh>
    <rPh sb="2" eb="4">
      <t>ホウジン</t>
    </rPh>
    <rPh sb="5" eb="7">
      <t>マキノ</t>
    </rPh>
    <rPh sb="7" eb="9">
      <t>シカ</t>
    </rPh>
    <rPh sb="9" eb="11">
      <t>イイン</t>
    </rPh>
    <phoneticPr fontId="3"/>
  </si>
  <si>
    <t>大阪市中央区今橋3-1-7日本生命今橋ビル1階</t>
    <rPh sb="0" eb="3">
      <t>オオサカシ</t>
    </rPh>
    <rPh sb="3" eb="6">
      <t>チュウオウク</t>
    </rPh>
    <phoneticPr fontId="3"/>
  </si>
  <si>
    <t>診療所法人</t>
    <phoneticPr fontId="3"/>
  </si>
  <si>
    <t>天王寺区</t>
    <rPh sb="0" eb="4">
      <t>テンノウジク</t>
    </rPh>
    <phoneticPr fontId="3"/>
  </si>
  <si>
    <t>医療法人　信正会</t>
    <rPh sb="0" eb="2">
      <t>イリョウ</t>
    </rPh>
    <rPh sb="2" eb="4">
      <t>ホウジン</t>
    </rPh>
    <rPh sb="5" eb="6">
      <t>シン</t>
    </rPh>
    <rPh sb="6" eb="7">
      <t>タダ</t>
    </rPh>
    <rPh sb="7" eb="8">
      <t>カイ</t>
    </rPh>
    <phoneticPr fontId="3"/>
  </si>
  <si>
    <t>大阪市天王寺区生玉前町３番25号タマダビル901号室</t>
    <rPh sb="0" eb="3">
      <t>オオサカシ</t>
    </rPh>
    <rPh sb="3" eb="7">
      <t>テンノウジク</t>
    </rPh>
    <rPh sb="7" eb="11">
      <t>イクタママエマチ</t>
    </rPh>
    <rPh sb="12" eb="13">
      <t>バン</t>
    </rPh>
    <rPh sb="15" eb="16">
      <t>ゴウ</t>
    </rPh>
    <rPh sb="24" eb="26">
      <t>ゴウシツ</t>
    </rPh>
    <phoneticPr fontId="3"/>
  </si>
  <si>
    <t>診療所法人</t>
    <phoneticPr fontId="3"/>
  </si>
  <si>
    <t>中央区</t>
    <rPh sb="0" eb="3">
      <t>チュウオウク</t>
    </rPh>
    <phoneticPr fontId="3"/>
  </si>
  <si>
    <t>医療法人　サラヤ健育会</t>
    <rPh sb="0" eb="2">
      <t>イリョウ</t>
    </rPh>
    <rPh sb="2" eb="4">
      <t>ホウジン</t>
    </rPh>
    <rPh sb="8" eb="9">
      <t>ケン</t>
    </rPh>
    <rPh sb="9" eb="10">
      <t>イク</t>
    </rPh>
    <rPh sb="10" eb="11">
      <t>カイ</t>
    </rPh>
    <phoneticPr fontId="3"/>
  </si>
  <si>
    <t>大阪市中央区本町3-6-4本町ガーデンシティ4階1-2</t>
    <rPh sb="0" eb="3">
      <t>オオサカシ</t>
    </rPh>
    <rPh sb="3" eb="6">
      <t>チュウオウク</t>
    </rPh>
    <rPh sb="6" eb="8">
      <t>ホンマチ</t>
    </rPh>
    <rPh sb="13" eb="15">
      <t>ホンマチ</t>
    </rPh>
    <rPh sb="23" eb="24">
      <t>カイ</t>
    </rPh>
    <phoneticPr fontId="3"/>
  </si>
  <si>
    <t>大正区</t>
    <rPh sb="0" eb="3">
      <t>タイショウク</t>
    </rPh>
    <phoneticPr fontId="3"/>
  </si>
  <si>
    <t>医療法人　佳宏会</t>
    <rPh sb="0" eb="2">
      <t>イリョウ</t>
    </rPh>
    <rPh sb="2" eb="4">
      <t>ホウジン</t>
    </rPh>
    <rPh sb="5" eb="7">
      <t>ヨシヒロ</t>
    </rPh>
    <rPh sb="7" eb="8">
      <t>カイ</t>
    </rPh>
    <phoneticPr fontId="3"/>
  </si>
  <si>
    <t>大阪市大正区三軒家東6-8-17讃ロワール永楽１F</t>
    <rPh sb="0" eb="3">
      <t>オオサカシ</t>
    </rPh>
    <rPh sb="3" eb="6">
      <t>タイショウク</t>
    </rPh>
    <phoneticPr fontId="3"/>
  </si>
  <si>
    <t>医療法人　碩生会</t>
    <phoneticPr fontId="3"/>
  </si>
  <si>
    <t>大阪市港区磯路1-1-1</t>
    <rPh sb="0" eb="3">
      <t>オオサカシ</t>
    </rPh>
    <rPh sb="3" eb="5">
      <t>ミナトク</t>
    </rPh>
    <rPh sb="5" eb="6">
      <t>イソ</t>
    </rPh>
    <rPh sb="6" eb="7">
      <t>ミチ</t>
    </rPh>
    <phoneticPr fontId="3"/>
  </si>
  <si>
    <t>医療法人　佐久間クリニック</t>
    <phoneticPr fontId="3"/>
  </si>
  <si>
    <t>大阪市西成区玉出西2-6-7Rino玉出ビル３階</t>
    <phoneticPr fontId="3"/>
  </si>
  <si>
    <t>医療法人　永真会</t>
    <rPh sb="5" eb="6">
      <t>エイ</t>
    </rPh>
    <rPh sb="6" eb="7">
      <t>マコト</t>
    </rPh>
    <rPh sb="7" eb="8">
      <t>カイ</t>
    </rPh>
    <phoneticPr fontId="3"/>
  </si>
  <si>
    <t>大阪市平野区長吉六反2-5-6ル・ヴィラージュ１F</t>
    <rPh sb="0" eb="3">
      <t>オオサカシ</t>
    </rPh>
    <rPh sb="3" eb="6">
      <t>ヒラノク</t>
    </rPh>
    <phoneticPr fontId="3"/>
  </si>
  <si>
    <t>北区</t>
    <rPh sb="0" eb="2">
      <t>キタク</t>
    </rPh>
    <phoneticPr fontId="3"/>
  </si>
  <si>
    <t>北区</t>
    <phoneticPr fontId="9"/>
  </si>
  <si>
    <t>福島区</t>
    <phoneticPr fontId="9"/>
  </si>
  <si>
    <t>此花区</t>
    <phoneticPr fontId="9"/>
  </si>
  <si>
    <t>中央区</t>
    <phoneticPr fontId="9"/>
  </si>
  <si>
    <t>中央区</t>
    <rPh sb="0" eb="3">
      <t>チュウオウク</t>
    </rPh>
    <phoneticPr fontId="9"/>
  </si>
  <si>
    <t>天王寺区</t>
    <phoneticPr fontId="9"/>
  </si>
  <si>
    <t>淀川区</t>
    <phoneticPr fontId="9"/>
  </si>
  <si>
    <t>東淀川区</t>
    <phoneticPr fontId="9"/>
  </si>
  <si>
    <t>東成区</t>
    <phoneticPr fontId="9"/>
  </si>
  <si>
    <t>城東区</t>
    <phoneticPr fontId="9"/>
  </si>
  <si>
    <t>阿倍野区</t>
    <phoneticPr fontId="9"/>
  </si>
  <si>
    <t>住吉区</t>
    <phoneticPr fontId="9"/>
  </si>
  <si>
    <t>平野区</t>
    <phoneticPr fontId="9"/>
  </si>
  <si>
    <t>西成区</t>
    <phoneticPr fontId="9"/>
  </si>
  <si>
    <t>東住吉区</t>
    <phoneticPr fontId="9"/>
  </si>
  <si>
    <t>医療法人　駆和会</t>
    <phoneticPr fontId="9"/>
  </si>
  <si>
    <t>大阪市北区茶屋町3番1号三晃ビル４階</t>
    <rPh sb="0" eb="3">
      <t>オオサカシ</t>
    </rPh>
    <rPh sb="3" eb="5">
      <t>キタク</t>
    </rPh>
    <rPh sb="5" eb="8">
      <t>チャヤマチ</t>
    </rPh>
    <rPh sb="9" eb="10">
      <t>バン</t>
    </rPh>
    <rPh sb="11" eb="12">
      <t>ゴウ</t>
    </rPh>
    <rPh sb="12" eb="13">
      <t>サン</t>
    </rPh>
    <rPh sb="13" eb="14">
      <t>アキラ</t>
    </rPh>
    <rPh sb="17" eb="18">
      <t>カイ</t>
    </rPh>
    <phoneticPr fontId="3"/>
  </si>
  <si>
    <t>医療法人　天星</t>
    <phoneticPr fontId="9"/>
  </si>
  <si>
    <t>大阪市北区梅田一丁目8番16号 ヒルトンプラザイースト5F</t>
    <rPh sb="7" eb="8">
      <t>イチ</t>
    </rPh>
    <rPh sb="8" eb="10">
      <t>チョウメ</t>
    </rPh>
    <rPh sb="11" eb="12">
      <t>バン</t>
    </rPh>
    <rPh sb="14" eb="15">
      <t>ゴウ</t>
    </rPh>
    <phoneticPr fontId="10"/>
  </si>
  <si>
    <t>医療法人　亮星会</t>
    <phoneticPr fontId="9"/>
  </si>
  <si>
    <t>医療法人　福雅会</t>
    <phoneticPr fontId="9"/>
  </si>
  <si>
    <t>大阪市福島区鷺洲二丁目5番13号</t>
    <rPh sb="0" eb="6">
      <t>オオサカシフクシマク</t>
    </rPh>
    <rPh sb="6" eb="8">
      <t>サギス</t>
    </rPh>
    <rPh sb="8" eb="11">
      <t>ニチョウメ</t>
    </rPh>
    <rPh sb="12" eb="13">
      <t>バン</t>
    </rPh>
    <rPh sb="15" eb="16">
      <t>ゴウ</t>
    </rPh>
    <phoneticPr fontId="3"/>
  </si>
  <si>
    <t>医療法人　百玄会</t>
    <phoneticPr fontId="9"/>
  </si>
  <si>
    <t>大阪市福島区福島五丁目6番16号4階</t>
    <rPh sb="8" eb="11">
      <t>ゴチョウメ</t>
    </rPh>
    <rPh sb="12" eb="13">
      <t>バン</t>
    </rPh>
    <rPh sb="15" eb="16">
      <t>ゴウ</t>
    </rPh>
    <phoneticPr fontId="10"/>
  </si>
  <si>
    <t>医療法人　一心会</t>
    <phoneticPr fontId="9"/>
  </si>
  <si>
    <t>大阪市此花区西九条四丁目3番34号</t>
    <rPh sb="9" eb="12">
      <t>ヨンチョウメ</t>
    </rPh>
    <rPh sb="13" eb="14">
      <t>バン</t>
    </rPh>
    <rPh sb="16" eb="17">
      <t>ゴウ</t>
    </rPh>
    <phoneticPr fontId="3"/>
  </si>
  <si>
    <t>医療法人　大阪元輝会</t>
    <phoneticPr fontId="9"/>
  </si>
  <si>
    <t>大阪市中央区心斎橋筋一丁目1番10号キュープラザ心斎橋5階</t>
    <rPh sb="10" eb="11">
      <t>イチ</t>
    </rPh>
    <rPh sb="11" eb="13">
      <t>チョウメ</t>
    </rPh>
    <rPh sb="14" eb="15">
      <t>バン</t>
    </rPh>
    <rPh sb="17" eb="18">
      <t>ゴウ</t>
    </rPh>
    <phoneticPr fontId="3"/>
  </si>
  <si>
    <t>医療法人　恒晴会</t>
    <phoneticPr fontId="9"/>
  </si>
  <si>
    <t>大阪市中央区西心斎橋一丁目4番5号　御堂筋ビル8階</t>
    <rPh sb="10" eb="11">
      <t>イチ</t>
    </rPh>
    <rPh sb="11" eb="13">
      <t>チョウメ</t>
    </rPh>
    <rPh sb="14" eb="15">
      <t>バン</t>
    </rPh>
    <rPh sb="16" eb="17">
      <t>ゴウ</t>
    </rPh>
    <rPh sb="24" eb="25">
      <t>カイ</t>
    </rPh>
    <phoneticPr fontId="3"/>
  </si>
  <si>
    <t>医療法人　入澤会</t>
    <rPh sb="5" eb="7">
      <t>イリサワ</t>
    </rPh>
    <rPh sb="7" eb="8">
      <t>カイ</t>
    </rPh>
    <phoneticPr fontId="9"/>
  </si>
  <si>
    <t>大阪市中央区難波三丁目7番12号 GP・GATEビル3F302</t>
    <rPh sb="8" eb="11">
      <t>サンチョウメ</t>
    </rPh>
    <rPh sb="12" eb="13">
      <t>バン</t>
    </rPh>
    <rPh sb="15" eb="16">
      <t>ゴウ</t>
    </rPh>
    <phoneticPr fontId="3"/>
  </si>
  <si>
    <t>医療法人　よしえクリニック</t>
    <phoneticPr fontId="9"/>
  </si>
  <si>
    <t>大阪市中央区北浜一丁目1番28号ビルマビル北浜６F</t>
    <rPh sb="8" eb="9">
      <t>イチ</t>
    </rPh>
    <rPh sb="12" eb="13">
      <t>バン</t>
    </rPh>
    <rPh sb="15" eb="16">
      <t>ゴウ</t>
    </rPh>
    <phoneticPr fontId="10"/>
  </si>
  <si>
    <t>医療法人　天令会</t>
    <phoneticPr fontId="9"/>
  </si>
  <si>
    <t>大阪市天王寺区堂ヶ芝一丁目11番23号201</t>
    <rPh sb="10" eb="11">
      <t>イチ</t>
    </rPh>
    <rPh sb="11" eb="13">
      <t>チョウメ</t>
    </rPh>
    <rPh sb="15" eb="16">
      <t>バン</t>
    </rPh>
    <rPh sb="18" eb="19">
      <t>ゴウ</t>
    </rPh>
    <phoneticPr fontId="10"/>
  </si>
  <si>
    <t>医療法人　磯貝内科</t>
    <phoneticPr fontId="9"/>
  </si>
  <si>
    <t>大阪市淀川区宮原二丁目２番３号</t>
    <rPh sb="8" eb="9">
      <t>ニ</t>
    </rPh>
    <phoneticPr fontId="3"/>
  </si>
  <si>
    <t>医療法人　康俊会</t>
    <phoneticPr fontId="9"/>
  </si>
  <si>
    <t>大阪市東淀川区西淡路一丁目1番35号IMC国際医療センタービル</t>
    <rPh sb="10" eb="11">
      <t>イチ</t>
    </rPh>
    <rPh sb="11" eb="13">
      <t>チョウメ</t>
    </rPh>
    <rPh sb="14" eb="15">
      <t>バン</t>
    </rPh>
    <rPh sb="17" eb="18">
      <t>ゴウ</t>
    </rPh>
    <rPh sb="21" eb="23">
      <t>コクサイ</t>
    </rPh>
    <rPh sb="23" eb="25">
      <t>イリョウ</t>
    </rPh>
    <phoneticPr fontId="3"/>
  </si>
  <si>
    <t>医療法人　わかばやし整形外科</t>
    <phoneticPr fontId="9"/>
  </si>
  <si>
    <t>大阪市東成区中道3-17-13 パラファーレ玉造1階</t>
    <phoneticPr fontId="9"/>
  </si>
  <si>
    <t>医療法人　正澪会林クリニック</t>
    <phoneticPr fontId="9"/>
  </si>
  <si>
    <t>大阪市東成区東中本三丁目13番15号</t>
    <rPh sb="9" eb="12">
      <t>サンチョウメ</t>
    </rPh>
    <rPh sb="14" eb="15">
      <t>バン</t>
    </rPh>
    <rPh sb="17" eb="18">
      <t>ゴウ</t>
    </rPh>
    <phoneticPr fontId="10"/>
  </si>
  <si>
    <t>医療法人　明翠会</t>
    <phoneticPr fontId="9"/>
  </si>
  <si>
    <t>大阪市城東区今福東一丁目13番8号　つるみクリニックビル3階</t>
    <rPh sb="9" eb="10">
      <t>イチ</t>
    </rPh>
    <rPh sb="10" eb="12">
      <t>チョウメ</t>
    </rPh>
    <rPh sb="14" eb="15">
      <t>バン</t>
    </rPh>
    <rPh sb="16" eb="17">
      <t>ゴウ</t>
    </rPh>
    <rPh sb="29" eb="30">
      <t>カイ</t>
    </rPh>
    <phoneticPr fontId="10"/>
  </si>
  <si>
    <t>医療法人　こうのメンタルクリニック</t>
    <phoneticPr fontId="9"/>
  </si>
  <si>
    <t>大阪市城東区中浜三丁目24番7号 M&amp;Cビル4F</t>
    <rPh sb="8" eb="9">
      <t>サン</t>
    </rPh>
    <rPh sb="13" eb="14">
      <t>バン</t>
    </rPh>
    <rPh sb="15" eb="16">
      <t>ゴウ</t>
    </rPh>
    <phoneticPr fontId="10"/>
  </si>
  <si>
    <t>医療法人　啓仁会</t>
    <phoneticPr fontId="9"/>
  </si>
  <si>
    <t>大阪市阿倍野区阿倍野筋一丁目１番４３号　あべのハルカス２２階</t>
    <rPh sb="11" eb="12">
      <t>イチ</t>
    </rPh>
    <rPh sb="12" eb="14">
      <t>チョウメ</t>
    </rPh>
    <rPh sb="15" eb="16">
      <t>バン</t>
    </rPh>
    <rPh sb="18" eb="19">
      <t>ゴウ</t>
    </rPh>
    <phoneticPr fontId="10"/>
  </si>
  <si>
    <t>医療法人　どい皮ふ科クリニック</t>
    <phoneticPr fontId="9"/>
  </si>
  <si>
    <t>大阪市阿倍野区文の里二丁目１１番２５号　メディカルプラザ阿倍野 4階</t>
    <rPh sb="10" eb="13">
      <t>ニチョウメ</t>
    </rPh>
    <rPh sb="15" eb="16">
      <t>バン</t>
    </rPh>
    <rPh sb="18" eb="19">
      <t>ゴウ</t>
    </rPh>
    <phoneticPr fontId="3"/>
  </si>
  <si>
    <t>医療法人　大橋ヘルスケア</t>
    <phoneticPr fontId="9"/>
  </si>
  <si>
    <t>大阪市住吉区苅田七丁目6番28号103</t>
    <rPh sb="8" eb="11">
      <t>ナナチョウメ</t>
    </rPh>
    <rPh sb="12" eb="13">
      <t>バン</t>
    </rPh>
    <rPh sb="15" eb="16">
      <t>ゴウ</t>
    </rPh>
    <phoneticPr fontId="10"/>
  </si>
  <si>
    <t>医療法人　ＡＷＮＣ</t>
    <phoneticPr fontId="9"/>
  </si>
  <si>
    <t>大阪市平野区平野本町二丁目10番25号</t>
    <rPh sb="10" eb="13">
      <t>ニチョウメ</t>
    </rPh>
    <rPh sb="15" eb="16">
      <t>バン</t>
    </rPh>
    <rPh sb="18" eb="19">
      <t>ゴウ</t>
    </rPh>
    <phoneticPr fontId="3"/>
  </si>
  <si>
    <t>医療法人　永康会</t>
    <phoneticPr fontId="9"/>
  </si>
  <si>
    <t>大阪市西成区玉出西二丁目4番8号</t>
    <rPh sb="7" eb="8">
      <t>デ</t>
    </rPh>
    <rPh sb="9" eb="12">
      <t>ニチョウメ</t>
    </rPh>
    <rPh sb="13" eb="14">
      <t>バン</t>
    </rPh>
    <rPh sb="15" eb="16">
      <t>ゴウ</t>
    </rPh>
    <phoneticPr fontId="10"/>
  </si>
  <si>
    <t>医療法人　大地会</t>
    <phoneticPr fontId="9"/>
  </si>
  <si>
    <t>大阪市北区中津一丁目14番10号２階</t>
    <rPh sb="0" eb="3">
      <t>オオサカシ</t>
    </rPh>
    <rPh sb="3" eb="5">
      <t>キタク</t>
    </rPh>
    <rPh sb="5" eb="7">
      <t>ナカツ</t>
    </rPh>
    <rPh sb="7" eb="8">
      <t>イチ</t>
    </rPh>
    <rPh sb="8" eb="10">
      <t>チョウメ</t>
    </rPh>
    <rPh sb="12" eb="13">
      <t>バン</t>
    </rPh>
    <rPh sb="15" eb="16">
      <t>ゴウ</t>
    </rPh>
    <rPh sb="17" eb="18">
      <t>カイ</t>
    </rPh>
    <phoneticPr fontId="3"/>
  </si>
  <si>
    <t>医療法人　翠山会</t>
    <phoneticPr fontId="9"/>
  </si>
  <si>
    <t>大阪市北区天神橋七丁目７番８号　メゾンド大淀１０１号</t>
    <rPh sb="8" eb="9">
      <t>ナナ</t>
    </rPh>
    <rPh sb="12" eb="13">
      <t>バン</t>
    </rPh>
    <rPh sb="14" eb="15">
      <t>ゴウ</t>
    </rPh>
    <phoneticPr fontId="10"/>
  </si>
  <si>
    <t>医療法人　健誠会</t>
    <phoneticPr fontId="9"/>
  </si>
  <si>
    <t>大阪市北区東天満一丁目11番9号 和氣ビル101号室</t>
    <rPh sb="8" eb="9">
      <t>イチ</t>
    </rPh>
    <rPh sb="9" eb="11">
      <t>チョウメ</t>
    </rPh>
    <rPh sb="13" eb="14">
      <t>バン</t>
    </rPh>
    <rPh sb="15" eb="16">
      <t>ゴウ</t>
    </rPh>
    <rPh sb="17" eb="18">
      <t>ワ</t>
    </rPh>
    <rPh sb="18" eb="19">
      <t>キ</t>
    </rPh>
    <rPh sb="24" eb="25">
      <t>ゴウ</t>
    </rPh>
    <rPh sb="25" eb="26">
      <t>シツ</t>
    </rPh>
    <phoneticPr fontId="3"/>
  </si>
  <si>
    <t>医療法人　福歯会</t>
    <phoneticPr fontId="9"/>
  </si>
  <si>
    <t>大阪市福島区吉野1-1-16エクセルコート植田1階</t>
    <rPh sb="24" eb="25">
      <t>カイ</t>
    </rPh>
    <phoneticPr fontId="3"/>
  </si>
  <si>
    <t>医療法人　佑恵会</t>
    <phoneticPr fontId="9"/>
  </si>
  <si>
    <t>大阪市福島区福島三丁目13番6号アルグラッド福島EAST1F</t>
    <rPh sb="8" eb="11">
      <t>サンチョウメ</t>
    </rPh>
    <rPh sb="13" eb="14">
      <t>バン</t>
    </rPh>
    <rPh sb="15" eb="16">
      <t>ゴウ</t>
    </rPh>
    <phoneticPr fontId="3"/>
  </si>
  <si>
    <t>医療法人　ときざね歯科クリニック</t>
    <phoneticPr fontId="9"/>
  </si>
  <si>
    <t>大阪市淀川区十三元今里二丁目2番49号</t>
    <rPh sb="0" eb="3">
      <t>オオサカシ</t>
    </rPh>
    <rPh sb="3" eb="6">
      <t>ヨドガワク</t>
    </rPh>
    <rPh sb="6" eb="8">
      <t>ジュウソウ</t>
    </rPh>
    <rPh sb="8" eb="9">
      <t>モト</t>
    </rPh>
    <rPh sb="9" eb="11">
      <t>イマサト</t>
    </rPh>
    <rPh sb="11" eb="14">
      <t>ニチョウメ</t>
    </rPh>
    <rPh sb="15" eb="16">
      <t>バン</t>
    </rPh>
    <rPh sb="18" eb="19">
      <t>ゴウ</t>
    </rPh>
    <phoneticPr fontId="3"/>
  </si>
  <si>
    <t>医療法人　勝優会</t>
    <phoneticPr fontId="9"/>
  </si>
  <si>
    <t>大阪市淀川区宮原四丁目5番26号</t>
    <rPh sb="8" eb="9">
      <t>ヨン</t>
    </rPh>
    <rPh sb="12" eb="13">
      <t>バン</t>
    </rPh>
    <rPh sb="15" eb="16">
      <t>ゴウ</t>
    </rPh>
    <phoneticPr fontId="3"/>
  </si>
  <si>
    <t>医療法人　Ｓ－ｓｅｎｓｅ</t>
    <phoneticPr fontId="9"/>
  </si>
  <si>
    <t>大阪市東成区大今里一丁目１番８号</t>
    <rPh sb="9" eb="10">
      <t>イチ</t>
    </rPh>
    <rPh sb="10" eb="12">
      <t>チョウメ</t>
    </rPh>
    <rPh sb="13" eb="14">
      <t>バン</t>
    </rPh>
    <rPh sb="15" eb="16">
      <t>ゴウ</t>
    </rPh>
    <phoneticPr fontId="10"/>
  </si>
  <si>
    <t>医療法人　きらめき会</t>
    <phoneticPr fontId="9"/>
  </si>
  <si>
    <t>大阪市東住吉区駒川五丁目25番18号</t>
    <rPh sb="9" eb="12">
      <t>ゴチョウメ</t>
    </rPh>
    <rPh sb="14" eb="15">
      <t>バン</t>
    </rPh>
    <rPh sb="17" eb="18">
      <t>ゴウ</t>
    </rPh>
    <phoneticPr fontId="10"/>
  </si>
  <si>
    <t>医療法人　ハピネス</t>
    <phoneticPr fontId="9"/>
  </si>
  <si>
    <t>大阪市東住吉区湯里一丁目1番9号グレース針中野1階</t>
    <rPh sb="0" eb="3">
      <t>オオサカシ</t>
    </rPh>
    <rPh sb="3" eb="6">
      <t>ヒガシスミヨシ</t>
    </rPh>
    <rPh sb="6" eb="7">
      <t>ク</t>
    </rPh>
    <rPh sb="7" eb="9">
      <t>ユサト</t>
    </rPh>
    <rPh sb="9" eb="10">
      <t>イチ</t>
    </rPh>
    <rPh sb="10" eb="12">
      <t>チョウメ</t>
    </rPh>
    <rPh sb="13" eb="14">
      <t>バン</t>
    </rPh>
    <rPh sb="15" eb="16">
      <t>ゴウ</t>
    </rPh>
    <rPh sb="20" eb="21">
      <t>ハリ</t>
    </rPh>
    <rPh sb="21" eb="23">
      <t>ナカノ</t>
    </rPh>
    <rPh sb="24" eb="25">
      <t>カイ</t>
    </rPh>
    <phoneticPr fontId="3"/>
  </si>
  <si>
    <t>医療法人　邦和会</t>
    <rPh sb="5" eb="6">
      <t>ホウ</t>
    </rPh>
    <rPh sb="6" eb="7">
      <t>ワ</t>
    </rPh>
    <rPh sb="7" eb="8">
      <t>カイ</t>
    </rPh>
    <phoneticPr fontId="9"/>
  </si>
  <si>
    <t>大阪市生野区中川西三丁目４番７号</t>
    <rPh sb="9" eb="12">
      <t>サンチョウメ</t>
    </rPh>
    <rPh sb="13" eb="14">
      <t>バン</t>
    </rPh>
    <rPh sb="15" eb="16">
      <t>ゴウ</t>
    </rPh>
    <phoneticPr fontId="3"/>
  </si>
  <si>
    <t>医療法人　ＦＯＮＳ</t>
    <rPh sb="0" eb="2">
      <t>イリョウ</t>
    </rPh>
    <rPh sb="2" eb="4">
      <t>ホウジン</t>
    </rPh>
    <phoneticPr fontId="3"/>
  </si>
  <si>
    <t>大阪市北区曽根崎新地二丁目１番14号桜橋南ビル４階</t>
    <rPh sb="18" eb="20">
      <t>サクラバシ</t>
    </rPh>
    <rPh sb="20" eb="21">
      <t>ミナミ</t>
    </rPh>
    <rPh sb="24" eb="25">
      <t>カイ</t>
    </rPh>
    <phoneticPr fontId="3"/>
  </si>
  <si>
    <t>大阪市浪速区難波中1-10-4 南海SK難波ビル２階</t>
    <rPh sb="16" eb="18">
      <t>ナンカイ</t>
    </rPh>
    <rPh sb="20" eb="22">
      <t>ナンバ</t>
    </rPh>
    <rPh sb="25" eb="26">
      <t>カイ</t>
    </rPh>
    <phoneticPr fontId="3"/>
  </si>
  <si>
    <t>大阪市東成区中道１丁目１番１号岡室ビル５階</t>
    <rPh sb="9" eb="11">
      <t>チョウメ</t>
    </rPh>
    <rPh sb="12" eb="13">
      <t>バン</t>
    </rPh>
    <rPh sb="14" eb="15">
      <t>ゴウ</t>
    </rPh>
    <rPh sb="15" eb="17">
      <t>オカムロ</t>
    </rPh>
    <rPh sb="20" eb="21">
      <t>カイ</t>
    </rPh>
    <phoneticPr fontId="3"/>
  </si>
  <si>
    <t xml:space="preserve">大阪市鶴見区諸口３丁目１番28号６階 </t>
    <rPh sb="9" eb="11">
      <t>チョウメ</t>
    </rPh>
    <rPh sb="12" eb="13">
      <t>バン</t>
    </rPh>
    <rPh sb="15" eb="16">
      <t>ゴウ</t>
    </rPh>
    <rPh sb="17" eb="18">
      <t>カイ</t>
    </rPh>
    <phoneticPr fontId="3"/>
  </si>
  <si>
    <t>大阪市港区波除３丁目８番７号プライムステージ弁天町１階</t>
    <rPh sb="8" eb="10">
      <t>チョウメ</t>
    </rPh>
    <rPh sb="11" eb="12">
      <t>バン</t>
    </rPh>
    <rPh sb="13" eb="14">
      <t>ゴウ</t>
    </rPh>
    <rPh sb="22" eb="25">
      <t>ベンテンチョウ</t>
    </rPh>
    <rPh sb="26" eb="27">
      <t>カイ</t>
    </rPh>
    <phoneticPr fontId="3"/>
  </si>
  <si>
    <t>大阪市北区天神橋六丁目６番１１号エレガントビル大阪２階</t>
    <rPh sb="0" eb="3">
      <t>オオサカシ</t>
    </rPh>
    <rPh sb="8" eb="9">
      <t>ロク</t>
    </rPh>
    <rPh sb="9" eb="11">
      <t>チョウメ</t>
    </rPh>
    <rPh sb="12" eb="13">
      <t>バン</t>
    </rPh>
    <rPh sb="15" eb="16">
      <t>ゴウ</t>
    </rPh>
    <rPh sb="23" eb="25">
      <t>オオサカ</t>
    </rPh>
    <rPh sb="26" eb="27">
      <t>カイ</t>
    </rPh>
    <phoneticPr fontId="6"/>
  </si>
  <si>
    <t>大阪市都島区東野田四丁目４番15号</t>
    <rPh sb="6" eb="9">
      <t>ヒガシノダ</t>
    </rPh>
    <rPh sb="9" eb="10">
      <t>ヨン</t>
    </rPh>
    <rPh sb="10" eb="12">
      <t>チョウメ</t>
    </rPh>
    <rPh sb="13" eb="14">
      <t>バン</t>
    </rPh>
    <rPh sb="16" eb="17">
      <t>ゴウ</t>
    </rPh>
    <phoneticPr fontId="3"/>
  </si>
  <si>
    <t>大阪市淀川区西中島六丁目５番21号CRIT Bldg.２階</t>
    <rPh sb="9" eb="10">
      <t>ロク</t>
    </rPh>
    <rPh sb="10" eb="12">
      <t>チョウメ</t>
    </rPh>
    <rPh sb="13" eb="14">
      <t>バン</t>
    </rPh>
    <rPh sb="16" eb="17">
      <t>ゴウ</t>
    </rPh>
    <rPh sb="28" eb="29">
      <t>カイ</t>
    </rPh>
    <phoneticPr fontId="3"/>
  </si>
  <si>
    <t>大阪市東成区大今里南5-4-9</t>
    <rPh sb="9" eb="10">
      <t>ミナミ</t>
    </rPh>
    <phoneticPr fontId="3"/>
  </si>
  <si>
    <t>大阪市住吉区東粉浜3-21-1パンドノール住吉大社２階</t>
    <rPh sb="6" eb="7">
      <t>ヒガシ</t>
    </rPh>
    <rPh sb="7" eb="8">
      <t>コナ</t>
    </rPh>
    <rPh sb="8" eb="9">
      <t>ハマ</t>
    </rPh>
    <rPh sb="21" eb="23">
      <t>スミヨシ</t>
    </rPh>
    <rPh sb="23" eb="25">
      <t>タイシャ</t>
    </rPh>
    <rPh sb="26" eb="27">
      <t>カイ</t>
    </rPh>
    <phoneticPr fontId="3"/>
  </si>
  <si>
    <t>医療法人社団　さわみ内科クリニック</t>
    <rPh sb="4" eb="6">
      <t>シャダン</t>
    </rPh>
    <rPh sb="10" eb="12">
      <t>ナイカ</t>
    </rPh>
    <phoneticPr fontId="3"/>
  </si>
  <si>
    <t>医療法人　美楠会</t>
    <rPh sb="0" eb="2">
      <t>イリョウ</t>
    </rPh>
    <rPh sb="2" eb="4">
      <t>ホウジン</t>
    </rPh>
    <rPh sb="5" eb="6">
      <t>ミ</t>
    </rPh>
    <rPh sb="6" eb="7">
      <t>クス</t>
    </rPh>
    <rPh sb="7" eb="8">
      <t>カイ</t>
    </rPh>
    <phoneticPr fontId="3"/>
  </si>
  <si>
    <t>医療法人　順風会</t>
    <rPh sb="5" eb="7">
      <t>ジュンプウ</t>
    </rPh>
    <rPh sb="7" eb="8">
      <t>カイ</t>
    </rPh>
    <phoneticPr fontId="3"/>
  </si>
  <si>
    <t>北区</t>
    <rPh sb="0" eb="2">
      <t>キタク</t>
    </rPh>
    <phoneticPr fontId="3"/>
  </si>
  <si>
    <t>医療法人　恵生会吉本診療所</t>
    <rPh sb="0" eb="2">
      <t>イリョウ</t>
    </rPh>
    <rPh sb="2" eb="4">
      <t>ホウジン</t>
    </rPh>
    <rPh sb="5" eb="6">
      <t>メグ</t>
    </rPh>
    <rPh sb="6" eb="7">
      <t>イ</t>
    </rPh>
    <rPh sb="7" eb="8">
      <t>カイ</t>
    </rPh>
    <rPh sb="8" eb="10">
      <t>ヨシモト</t>
    </rPh>
    <rPh sb="10" eb="13">
      <t>シンリョウショ</t>
    </rPh>
    <phoneticPr fontId="3"/>
  </si>
  <si>
    <t>大阪市北区大淀中３丁目２番12号</t>
    <rPh sb="0" eb="3">
      <t>オオサカシ</t>
    </rPh>
    <rPh sb="3" eb="5">
      <t>キタク</t>
    </rPh>
    <phoneticPr fontId="3"/>
  </si>
  <si>
    <t>大阪市阿倍野区阿倍野筋一丁目１番43号あべのハルカス21階</t>
    <rPh sb="0" eb="3">
      <t>オオサカシ</t>
    </rPh>
    <rPh sb="3" eb="7">
      <t>アベノク</t>
    </rPh>
    <phoneticPr fontId="3"/>
  </si>
  <si>
    <t>阿倍野区</t>
    <rPh sb="0" eb="4">
      <t>アベノク</t>
    </rPh>
    <phoneticPr fontId="3"/>
  </si>
  <si>
    <t>医療法人　寛陽会</t>
    <rPh sb="0" eb="2">
      <t>イリョウ</t>
    </rPh>
    <rPh sb="2" eb="4">
      <t>ホウジン</t>
    </rPh>
    <rPh sb="5" eb="6">
      <t>カン</t>
    </rPh>
    <rPh sb="6" eb="7">
      <t>ヨウ</t>
    </rPh>
    <rPh sb="7" eb="8">
      <t>カイ</t>
    </rPh>
    <phoneticPr fontId="3"/>
  </si>
  <si>
    <t>大阪市北区国分寺1-2-31-1117</t>
    <rPh sb="3" eb="5">
      <t>キタク</t>
    </rPh>
    <phoneticPr fontId="3"/>
  </si>
  <si>
    <t>中央区</t>
    <rPh sb="0" eb="3">
      <t>チュウオウク</t>
    </rPh>
    <phoneticPr fontId="3"/>
  </si>
  <si>
    <t>医療法人　希会</t>
    <rPh sb="0" eb="2">
      <t>イリョウ</t>
    </rPh>
    <rPh sb="2" eb="4">
      <t>ホウジン</t>
    </rPh>
    <rPh sb="5" eb="6">
      <t>ノゾミ</t>
    </rPh>
    <rPh sb="6" eb="7">
      <t>カイ</t>
    </rPh>
    <phoneticPr fontId="3"/>
  </si>
  <si>
    <t>大阪市中央区淡路町４丁目４番５号５階</t>
    <rPh sb="0" eb="3">
      <t>オオサカシ</t>
    </rPh>
    <rPh sb="3" eb="6">
      <t>チュウオウク</t>
    </rPh>
    <phoneticPr fontId="3"/>
  </si>
  <si>
    <t>淀川区</t>
    <rPh sb="0" eb="3">
      <t>ヨドガワク</t>
    </rPh>
    <phoneticPr fontId="3"/>
  </si>
  <si>
    <t>大阪市淀川区宮原一丁目１番１号新大阪阪急ビル７階</t>
    <rPh sb="0" eb="3">
      <t>オオサカシ</t>
    </rPh>
    <rPh sb="3" eb="6">
      <t>ヨドガワク</t>
    </rPh>
    <phoneticPr fontId="3"/>
  </si>
  <si>
    <t>医療法人　社団進英会</t>
    <rPh sb="0" eb="2">
      <t>イリョウ</t>
    </rPh>
    <rPh sb="2" eb="4">
      <t>ホウジン</t>
    </rPh>
    <rPh sb="5" eb="7">
      <t>シャダン</t>
    </rPh>
    <rPh sb="7" eb="8">
      <t>シン</t>
    </rPh>
    <rPh sb="8" eb="9">
      <t>エイ</t>
    </rPh>
    <rPh sb="9" eb="10">
      <t>カイ</t>
    </rPh>
    <phoneticPr fontId="3"/>
  </si>
  <si>
    <t>病院法人</t>
    <rPh sb="0" eb="2">
      <t>ビョウイン</t>
    </rPh>
    <rPh sb="2" eb="4">
      <t>ホウジン</t>
    </rPh>
    <phoneticPr fontId="3"/>
  </si>
  <si>
    <t>医療法人　愛壽会</t>
    <rPh sb="0" eb="2">
      <t>イリョウ</t>
    </rPh>
    <rPh sb="2" eb="4">
      <t>ホウジン</t>
    </rPh>
    <rPh sb="5" eb="6">
      <t>アイ</t>
    </rPh>
    <rPh sb="6" eb="7">
      <t>ジュ</t>
    </rPh>
    <rPh sb="7" eb="8">
      <t>カイ</t>
    </rPh>
    <phoneticPr fontId="3"/>
  </si>
  <si>
    <t>医療法人康臣会</t>
  </si>
  <si>
    <t>医療法人かもめ会</t>
    <rPh sb="7" eb="8">
      <t>カイ</t>
    </rPh>
    <phoneticPr fontId="2"/>
  </si>
  <si>
    <t>医療法人しみず整形外科</t>
    <rPh sb="7" eb="9">
      <t>セイケイ</t>
    </rPh>
    <rPh sb="9" eb="11">
      <t>ゲカ</t>
    </rPh>
    <phoneticPr fontId="2"/>
  </si>
  <si>
    <t>医療法人ゆうが会</t>
    <rPh sb="7" eb="8">
      <t>カイ</t>
    </rPh>
    <phoneticPr fontId="2"/>
  </si>
  <si>
    <t>医療法人藤崎耳鼻咽喉科めまい・アレルギークリニック</t>
  </si>
  <si>
    <t>医療法人潤皮ふ科</t>
  </si>
  <si>
    <t>医療法人さのこどもクリニック</t>
  </si>
  <si>
    <t>医療法人想千</t>
    <rPh sb="4" eb="5">
      <t>オモ</t>
    </rPh>
    <rPh sb="5" eb="6">
      <t>セン</t>
    </rPh>
    <phoneticPr fontId="2"/>
  </si>
  <si>
    <t>医療法人アストロイノベーション</t>
  </si>
  <si>
    <t>医療法人結城会</t>
    <rPh sb="4" eb="6">
      <t>ユウキ</t>
    </rPh>
    <rPh sb="6" eb="7">
      <t>カイ</t>
    </rPh>
    <phoneticPr fontId="2"/>
  </si>
  <si>
    <t>医療法人さいとう消化器内科クリニック</t>
  </si>
  <si>
    <t>医療法人大桜会</t>
  </si>
  <si>
    <t>医療法人春芳会</t>
    <rPh sb="4" eb="5">
      <t>ハル</t>
    </rPh>
    <rPh sb="5" eb="6">
      <t>ホウ</t>
    </rPh>
    <rPh sb="6" eb="7">
      <t>カイ</t>
    </rPh>
    <phoneticPr fontId="2"/>
  </si>
  <si>
    <t>医療法人陵南会</t>
    <rPh sb="4" eb="5">
      <t>リョウ</t>
    </rPh>
    <rPh sb="5" eb="6">
      <t>ミナミ</t>
    </rPh>
    <rPh sb="6" eb="7">
      <t>カイ</t>
    </rPh>
    <phoneticPr fontId="2"/>
  </si>
  <si>
    <t>医療法人SHOHARA DENTAL&amp;WORKS</t>
  </si>
  <si>
    <t>医療法人博愛敬会</t>
    <rPh sb="4" eb="6">
      <t>ハクアイ</t>
    </rPh>
    <rPh sb="6" eb="7">
      <t>ケイ</t>
    </rPh>
    <rPh sb="7" eb="8">
      <t>カイ</t>
    </rPh>
    <phoneticPr fontId="2"/>
  </si>
  <si>
    <t>医療法人隆裕会</t>
    <rPh sb="4" eb="5">
      <t>リュウ</t>
    </rPh>
    <rPh sb="5" eb="6">
      <t>ユウ</t>
    </rPh>
    <rPh sb="6" eb="7">
      <t>カイ</t>
    </rPh>
    <phoneticPr fontId="2"/>
  </si>
  <si>
    <t>医療法人三矢会</t>
    <rPh sb="4" eb="5">
      <t>サン</t>
    </rPh>
    <rPh sb="5" eb="6">
      <t>ヤ</t>
    </rPh>
    <rPh sb="6" eb="7">
      <t>カイ</t>
    </rPh>
    <phoneticPr fontId="2"/>
  </si>
  <si>
    <t>医療法人想心会</t>
    <rPh sb="0" eb="2">
      <t>イリョウ</t>
    </rPh>
    <rPh sb="2" eb="4">
      <t>ホウジン</t>
    </rPh>
    <rPh sb="4" eb="5">
      <t>ソウ</t>
    </rPh>
    <rPh sb="5" eb="6">
      <t>ゴコロ</t>
    </rPh>
    <rPh sb="6" eb="7">
      <t>カイ</t>
    </rPh>
    <phoneticPr fontId="2"/>
  </si>
  <si>
    <t>医療法人一友会</t>
    <rPh sb="4" eb="5">
      <t>イチ</t>
    </rPh>
    <rPh sb="5" eb="6">
      <t>トモ</t>
    </rPh>
    <rPh sb="6" eb="7">
      <t>カイ</t>
    </rPh>
    <phoneticPr fontId="2"/>
  </si>
  <si>
    <t>医療法人啓恵会</t>
    <rPh sb="4" eb="5">
      <t>ケイ</t>
    </rPh>
    <rPh sb="5" eb="6">
      <t>メグム</t>
    </rPh>
    <rPh sb="6" eb="7">
      <t>カイ</t>
    </rPh>
    <phoneticPr fontId="2"/>
  </si>
  <si>
    <t>大阪市西区北堀江一丁目5番14号2F</t>
    <rPh sb="8" eb="9">
      <t>イチ</t>
    </rPh>
    <rPh sb="9" eb="11">
      <t>チョウメ</t>
    </rPh>
    <rPh sb="12" eb="13">
      <t>バン</t>
    </rPh>
    <rPh sb="15" eb="16">
      <t>ゴウ</t>
    </rPh>
    <phoneticPr fontId="2"/>
  </si>
  <si>
    <t>大阪市港区夕凪二丁目17番14号辻産業夕凪ビル3階</t>
    <rPh sb="7" eb="8">
      <t>ニ</t>
    </rPh>
    <rPh sb="12" eb="13">
      <t>バン</t>
    </rPh>
    <rPh sb="15" eb="16">
      <t>ゴウ</t>
    </rPh>
    <phoneticPr fontId="2"/>
  </si>
  <si>
    <t>大阪市住吉区南住吉四丁目8番16号</t>
    <rPh sb="9" eb="10">
      <t>ヨン</t>
    </rPh>
    <rPh sb="10" eb="12">
      <t>チョウメ</t>
    </rPh>
    <rPh sb="13" eb="14">
      <t>バン</t>
    </rPh>
    <rPh sb="16" eb="17">
      <t>ゴウ</t>
    </rPh>
    <phoneticPr fontId="2"/>
  </si>
  <si>
    <t>大阪市住之江区中加賀屋三丁目2番3号ﾌﾟﾗｲﾑ加賀屋2B</t>
    <rPh sb="11" eb="12">
      <t>サン</t>
    </rPh>
    <rPh sb="12" eb="14">
      <t>チョウメ</t>
    </rPh>
    <rPh sb="15" eb="16">
      <t>バン</t>
    </rPh>
    <rPh sb="17" eb="18">
      <t>ゴウ</t>
    </rPh>
    <phoneticPr fontId="2"/>
  </si>
  <si>
    <t>大阪市中央区備後町二丁目1番1号第２野村ビル地下1階</t>
    <rPh sb="9" eb="10">
      <t>ニ</t>
    </rPh>
    <rPh sb="10" eb="12">
      <t>チョウメ</t>
    </rPh>
    <rPh sb="13" eb="14">
      <t>バン</t>
    </rPh>
    <rPh sb="15" eb="16">
      <t>ゴウ</t>
    </rPh>
    <rPh sb="22" eb="24">
      <t>チカ</t>
    </rPh>
    <rPh sb="25" eb="26">
      <t>カイ</t>
    </rPh>
    <phoneticPr fontId="2"/>
  </si>
  <si>
    <t>大阪市住吉区長居二丁目１２番４号</t>
    <rPh sb="8" eb="9">
      <t>ニ</t>
    </rPh>
    <phoneticPr fontId="2"/>
  </si>
  <si>
    <t>大阪市福島区海老江一丁目2番17号阪神野田駅前ﾉｰｽｻｲﾄﾞﾋﾞﾙ3階</t>
    <rPh sb="9" eb="10">
      <t>イチ</t>
    </rPh>
    <rPh sb="10" eb="12">
      <t>チョウメ</t>
    </rPh>
    <rPh sb="13" eb="14">
      <t>バン</t>
    </rPh>
    <rPh sb="16" eb="17">
      <t>ゴウ</t>
    </rPh>
    <rPh sb="22" eb="23">
      <t>マエ</t>
    </rPh>
    <rPh sb="34" eb="35">
      <t>カイ</t>
    </rPh>
    <phoneticPr fontId="2"/>
  </si>
  <si>
    <t>大阪市西区新町四丁目6番23号</t>
    <rPh sb="7" eb="8">
      <t>ヨン</t>
    </rPh>
    <rPh sb="8" eb="10">
      <t>チョウメ</t>
    </rPh>
    <rPh sb="11" eb="12">
      <t>バン</t>
    </rPh>
    <rPh sb="14" eb="15">
      <t>ゴウ</t>
    </rPh>
    <phoneticPr fontId="2"/>
  </si>
  <si>
    <t>大阪市中央区北浜二丁目1番7号 EDKビル8階</t>
    <rPh sb="8" eb="9">
      <t>ニ</t>
    </rPh>
    <rPh sb="9" eb="11">
      <t>チョウメ</t>
    </rPh>
    <rPh sb="12" eb="13">
      <t>バン</t>
    </rPh>
    <rPh sb="14" eb="15">
      <t>ゴウ</t>
    </rPh>
    <rPh sb="22" eb="23">
      <t>カイ</t>
    </rPh>
    <phoneticPr fontId="2"/>
  </si>
  <si>
    <t>大阪市北区茶屋町6番25号</t>
    <rPh sb="5" eb="8">
      <t>チャヤマチ</t>
    </rPh>
    <rPh sb="9" eb="10">
      <t>バン</t>
    </rPh>
    <rPh sb="12" eb="13">
      <t>ゴウ</t>
    </rPh>
    <phoneticPr fontId="2"/>
  </si>
  <si>
    <t>大阪市天王寺区堂ヶ芝二丁目13番2号エミネンス堂ヶ芝１F</t>
    <rPh sb="10" eb="11">
      <t>ニ</t>
    </rPh>
    <rPh sb="15" eb="16">
      <t>バン</t>
    </rPh>
    <rPh sb="17" eb="18">
      <t>ゴウ</t>
    </rPh>
    <phoneticPr fontId="2"/>
  </si>
  <si>
    <t>大阪市浪速区桜川二丁目２番３１号ザクロコーポレーション桜川ビル３階</t>
    <rPh sb="8" eb="9">
      <t>ニ</t>
    </rPh>
    <phoneticPr fontId="2"/>
  </si>
  <si>
    <t>大阪市生野区生野西二丁目５番14号寺田町田中ビル1階</t>
    <rPh sb="9" eb="10">
      <t>ニ</t>
    </rPh>
    <phoneticPr fontId="2"/>
  </si>
  <si>
    <t>大阪市住吉区長居東四丁目7番15号田中ﾋﾞﾙ2階</t>
    <rPh sb="9" eb="10">
      <t>ヨン</t>
    </rPh>
    <rPh sb="10" eb="12">
      <t>チョウメ</t>
    </rPh>
    <rPh sb="13" eb="14">
      <t>バン</t>
    </rPh>
    <rPh sb="16" eb="17">
      <t>ゴウ</t>
    </rPh>
    <rPh sb="23" eb="24">
      <t>カイ</t>
    </rPh>
    <phoneticPr fontId="2"/>
  </si>
  <si>
    <t>大阪市天王寺区玉造本町１番４号グローリータマツクリ１F</t>
    <rPh sb="12" eb="13">
      <t>バン</t>
    </rPh>
    <rPh sb="14" eb="15">
      <t>ゴウ</t>
    </rPh>
    <phoneticPr fontId="2"/>
  </si>
  <si>
    <t>大阪市城東区成育三丁目5番1号</t>
    <rPh sb="8" eb="9">
      <t>サン</t>
    </rPh>
    <rPh sb="9" eb="11">
      <t>チョウメ</t>
    </rPh>
    <rPh sb="12" eb="13">
      <t>バン</t>
    </rPh>
    <rPh sb="14" eb="15">
      <t>ゴウ</t>
    </rPh>
    <phoneticPr fontId="2"/>
  </si>
  <si>
    <t>大阪市住之江区南加賀屋四丁目7番43号</t>
    <rPh sb="11" eb="12">
      <t>ヨン</t>
    </rPh>
    <rPh sb="12" eb="14">
      <t>チョウメ</t>
    </rPh>
    <rPh sb="15" eb="16">
      <t>バン</t>
    </rPh>
    <rPh sb="18" eb="19">
      <t>ゴウ</t>
    </rPh>
    <phoneticPr fontId="2"/>
  </si>
  <si>
    <t>大阪市天王寺区松ヶ鼻町7番11号</t>
    <rPh sb="12" eb="13">
      <t>バン</t>
    </rPh>
    <rPh sb="15" eb="16">
      <t>ゴウ</t>
    </rPh>
    <phoneticPr fontId="2"/>
  </si>
  <si>
    <t>大阪市中央区難波千日前15番16号</t>
    <rPh sb="13" eb="14">
      <t>バン</t>
    </rPh>
    <rPh sb="16" eb="17">
      <t>ゴウ</t>
    </rPh>
    <phoneticPr fontId="2"/>
  </si>
  <si>
    <t>大阪市鶴見区諸口一丁目6番37号</t>
    <rPh sb="8" eb="9">
      <t>イチ</t>
    </rPh>
    <rPh sb="9" eb="11">
      <t>チョウメ</t>
    </rPh>
    <rPh sb="12" eb="13">
      <t>バン</t>
    </rPh>
    <rPh sb="15" eb="16">
      <t>ゴウ</t>
    </rPh>
    <phoneticPr fontId="2"/>
  </si>
  <si>
    <t>大阪市淀川区西三国三丁目4番7号 阪急三国駅前ビル1階</t>
    <rPh sb="9" eb="10">
      <t>サン</t>
    </rPh>
    <rPh sb="10" eb="12">
      <t>チョウメ</t>
    </rPh>
    <rPh sb="13" eb="14">
      <t>バン</t>
    </rPh>
    <rPh sb="15" eb="16">
      <t>ゴウ</t>
    </rPh>
    <phoneticPr fontId="2"/>
  </si>
  <si>
    <t>西区</t>
    <rPh sb="0" eb="2">
      <t>ニシク</t>
    </rPh>
    <phoneticPr fontId="3"/>
  </si>
  <si>
    <t>港区</t>
    <rPh sb="0" eb="2">
      <t>ミナトク</t>
    </rPh>
    <phoneticPr fontId="3"/>
  </si>
  <si>
    <t>住吉区</t>
    <rPh sb="0" eb="3">
      <t>スミヨシク</t>
    </rPh>
    <phoneticPr fontId="3"/>
  </si>
  <si>
    <t>住之江区</t>
    <rPh sb="0" eb="4">
      <t>スミノエク</t>
    </rPh>
    <phoneticPr fontId="3"/>
  </si>
  <si>
    <t>中央区</t>
    <rPh sb="0" eb="3">
      <t>チュウオウク</t>
    </rPh>
    <phoneticPr fontId="3"/>
  </si>
  <si>
    <t>福島区</t>
    <rPh sb="0" eb="3">
      <t>フクシマク</t>
    </rPh>
    <phoneticPr fontId="3"/>
  </si>
  <si>
    <t>北区</t>
    <rPh sb="0" eb="2">
      <t>キタク</t>
    </rPh>
    <phoneticPr fontId="3"/>
  </si>
  <si>
    <t>天王寺区</t>
    <rPh sb="0" eb="4">
      <t>テンノウジク</t>
    </rPh>
    <phoneticPr fontId="3"/>
  </si>
  <si>
    <t>浪速区</t>
    <rPh sb="0" eb="3">
      <t>ナニワク</t>
    </rPh>
    <phoneticPr fontId="3"/>
  </si>
  <si>
    <t>生野区</t>
    <rPh sb="0" eb="3">
      <t>イクノク</t>
    </rPh>
    <phoneticPr fontId="3"/>
  </si>
  <si>
    <t>城東区</t>
    <rPh sb="0" eb="3">
      <t>ジョウトウク</t>
    </rPh>
    <phoneticPr fontId="3"/>
  </si>
  <si>
    <t>鶴見区</t>
    <rPh sb="0" eb="3">
      <t>ツルミク</t>
    </rPh>
    <phoneticPr fontId="3"/>
  </si>
  <si>
    <t>淀川区</t>
    <rPh sb="0" eb="3">
      <t>ヨドガワク</t>
    </rPh>
    <phoneticPr fontId="3"/>
  </si>
  <si>
    <t>医療法人　桂寿会</t>
    <phoneticPr fontId="3"/>
  </si>
  <si>
    <t>医療法人　広誠会</t>
    <phoneticPr fontId="3"/>
  </si>
  <si>
    <t>医療法人友絆</t>
    <rPh sb="0" eb="4">
      <t>イリョウホウジン</t>
    </rPh>
    <rPh sb="4" eb="5">
      <t>トモ</t>
    </rPh>
    <rPh sb="5" eb="6">
      <t>キズナ</t>
    </rPh>
    <phoneticPr fontId="3"/>
  </si>
  <si>
    <t>大阪市平野区長吉長原東三丁目２番20号</t>
    <rPh sb="0" eb="3">
      <t>オオサカシ</t>
    </rPh>
    <rPh sb="3" eb="6">
      <t>ヒラノク</t>
    </rPh>
    <phoneticPr fontId="3"/>
  </si>
  <si>
    <t>天王寺区</t>
    <rPh sb="0" eb="4">
      <t>テンノウジク</t>
    </rPh>
    <phoneticPr fontId="3"/>
  </si>
  <si>
    <t>上汐3丁目2番10号エスポワール上汐1階</t>
  </si>
  <si>
    <t>大阪市中央区南船場3-11-18</t>
    <rPh sb="0" eb="3">
      <t>オオサカシ</t>
    </rPh>
    <rPh sb="3" eb="6">
      <t>チュウオウク</t>
    </rPh>
    <phoneticPr fontId="3"/>
  </si>
  <si>
    <t>中央区</t>
    <rPh sb="0" eb="3">
      <t>チュウオウク</t>
    </rPh>
    <phoneticPr fontId="3"/>
  </si>
  <si>
    <t>大阪市鴫野東二丁目６番７号</t>
    <rPh sb="0" eb="3">
      <t>オオサカシ</t>
    </rPh>
    <phoneticPr fontId="3"/>
  </si>
  <si>
    <t>医療法人　平井クリニック</t>
    <phoneticPr fontId="3"/>
  </si>
  <si>
    <t>東住吉区</t>
    <rPh sb="3" eb="4">
      <t>ク</t>
    </rPh>
    <phoneticPr fontId="9"/>
  </si>
  <si>
    <t>北区</t>
    <phoneticPr fontId="3"/>
  </si>
  <si>
    <t>大阪市北区東天満一丁目１番15号</t>
    <rPh sb="3" eb="5">
      <t>キタク</t>
    </rPh>
    <phoneticPr fontId="3"/>
  </si>
  <si>
    <t>医療法人　緑生会</t>
  </si>
  <si>
    <t>医療法人　結愛会</t>
  </si>
  <si>
    <t>医療法人　志源会</t>
  </si>
  <si>
    <t>医療法人　ヒロレディースクリニック</t>
  </si>
  <si>
    <t>医療法人　瑞祥会</t>
  </si>
  <si>
    <t>医療法人　嘉祥会</t>
  </si>
  <si>
    <t>医療法人　美周会</t>
  </si>
  <si>
    <t>医療法人　セント</t>
  </si>
  <si>
    <t>医療法人　木もれ日会</t>
  </si>
  <si>
    <t>医療法人　ほりうち整形外科</t>
  </si>
  <si>
    <t>医療法人　藤和会</t>
  </si>
  <si>
    <t>医療法人　祐心会</t>
  </si>
  <si>
    <t>医療法人　晴愛会</t>
  </si>
  <si>
    <t>医療法人　かわさきクリニック</t>
  </si>
  <si>
    <t>医療法人　佳人会</t>
  </si>
  <si>
    <t>医療法人　夢はいつか会</t>
  </si>
  <si>
    <t>医療法人　敬久会</t>
  </si>
  <si>
    <t>医療法人　一俊会</t>
  </si>
  <si>
    <t>医療法人　みつもとレディースクリニック</t>
    <phoneticPr fontId="3"/>
  </si>
  <si>
    <t>医療法人　社団桜</t>
    <rPh sb="5" eb="7">
      <t>シャダン</t>
    </rPh>
    <rPh sb="7" eb="8">
      <t>サクラ</t>
    </rPh>
    <phoneticPr fontId="3"/>
  </si>
  <si>
    <t>大阪市北区角田町８番47号阪急グランドビル22階医療法人社団皓歯会阪急グランドビル診療所内</t>
    <rPh sb="5" eb="7">
      <t>カクタ</t>
    </rPh>
    <rPh sb="7" eb="8">
      <t>マチ</t>
    </rPh>
    <rPh sb="9" eb="10">
      <t>バン</t>
    </rPh>
    <rPh sb="12" eb="13">
      <t>ゴウ</t>
    </rPh>
    <rPh sb="13" eb="15">
      <t>ハンキュウ</t>
    </rPh>
    <rPh sb="23" eb="24">
      <t>カイ</t>
    </rPh>
    <rPh sb="24" eb="28">
      <t>イリョウホウジン</t>
    </rPh>
    <rPh sb="28" eb="30">
      <t>シャダン</t>
    </rPh>
    <rPh sb="30" eb="33">
      <t>コウシカイ</t>
    </rPh>
    <rPh sb="33" eb="35">
      <t>ハンキュウ</t>
    </rPh>
    <rPh sb="41" eb="44">
      <t>シンリョウショ</t>
    </rPh>
    <rPh sb="44" eb="45">
      <t>ナイ</t>
    </rPh>
    <phoneticPr fontId="3"/>
  </si>
  <si>
    <t>西区</t>
    <rPh sb="0" eb="2">
      <t>ニシク</t>
    </rPh>
    <phoneticPr fontId="3"/>
  </si>
  <si>
    <t>大阪市中央区南船場1-10-20 南船場M21ビル 1F</t>
  </si>
  <si>
    <t>中央区</t>
    <rPh sb="0" eb="3">
      <t>チュウオウク</t>
    </rPh>
    <phoneticPr fontId="3"/>
  </si>
  <si>
    <t>大阪市平野区長吉長原西三丁目３番１８号</t>
  </si>
  <si>
    <t>平野区</t>
    <rPh sb="0" eb="3">
      <t>ヒラノク</t>
    </rPh>
    <phoneticPr fontId="3"/>
  </si>
  <si>
    <t>大阪府大阪市城東区中浜3丁目14-15</t>
  </si>
  <si>
    <t>城東区</t>
    <rPh sb="0" eb="3">
      <t>ジョウトウク</t>
    </rPh>
    <phoneticPr fontId="3"/>
  </si>
  <si>
    <t>大阪市東淀川区東淡路4-30-2　イーズメディテラス2　4階</t>
  </si>
  <si>
    <t>東淀川区</t>
    <rPh sb="0" eb="1">
      <t>ヒガシ</t>
    </rPh>
    <rPh sb="1" eb="4">
      <t>ヨドガワク</t>
    </rPh>
    <phoneticPr fontId="3"/>
  </si>
  <si>
    <t>大阪市城東区関目3-12-31　シャトー新関目１階</t>
    <phoneticPr fontId="3"/>
  </si>
  <si>
    <t>大阪市福島区鷺洲1-7-29　パレット１F</t>
  </si>
  <si>
    <t>福島区</t>
    <rPh sb="0" eb="3">
      <t>フクシマク</t>
    </rPh>
    <phoneticPr fontId="3"/>
  </si>
  <si>
    <t>大阪市都島区都島本通3-27-13-3階</t>
  </si>
  <si>
    <t>都島区</t>
    <rPh sb="0" eb="3">
      <t>ミヤコジマク</t>
    </rPh>
    <phoneticPr fontId="3"/>
  </si>
  <si>
    <t>大阪市淀川区宮原4丁目4-63　新大阪千代田ビル別館1階</t>
  </si>
  <si>
    <t>淀川区</t>
    <rPh sb="0" eb="3">
      <t>ヨドガワク</t>
    </rPh>
    <phoneticPr fontId="3"/>
  </si>
  <si>
    <t>大阪市福島区鷺洲1-11-14阪神ﾊｲｸﾞﾚｰﾄﾞﾏﾝｼｮﾝ12番館101号</t>
  </si>
  <si>
    <t>此花区</t>
    <rPh sb="0" eb="3">
      <t>コノハナク</t>
    </rPh>
    <phoneticPr fontId="3"/>
  </si>
  <si>
    <t>大阪市此花区西九条4-3-34　セントメディックビル4階</t>
  </si>
  <si>
    <t>阿倍野区</t>
    <rPh sb="0" eb="4">
      <t>アベノク</t>
    </rPh>
    <phoneticPr fontId="3"/>
  </si>
  <si>
    <t>大阪市阿倍野区阿倍野筋１丁目１番４３号あべのハルカス22階</t>
    <phoneticPr fontId="3"/>
  </si>
  <si>
    <t>大阪市淀川区木川西2-6-3</t>
  </si>
  <si>
    <t>大阪市中央区南船場4-4-10　辰野心斎橋ビル5階</t>
  </si>
  <si>
    <t>大阪市都島区都島本通 2-14-4　カルナビル2階</t>
  </si>
  <si>
    <t>大阪市福島区福島７丁目４番１７号ＡＲＫビル４階</t>
  </si>
  <si>
    <t>大阪市中央区瓦町3-4-8　アサヒビル3F</t>
  </si>
  <si>
    <t>大阪市此花区酉島4-1-14-2F</t>
  </si>
  <si>
    <t>大阪市住吉区長居東4丁目11-25タケアンドハルビル第１　202</t>
    <phoneticPr fontId="3"/>
  </si>
  <si>
    <t>大阪市西区九条１丁目１４－２９　２Ｆ</t>
    <phoneticPr fontId="3"/>
  </si>
  <si>
    <t>医療法人　メディプラ</t>
    <rPh sb="0" eb="4">
      <t>イリョウホウジン</t>
    </rPh>
    <phoneticPr fontId="3"/>
  </si>
  <si>
    <t>中央区</t>
    <rPh sb="0" eb="3">
      <t>チュウオウク</t>
    </rPh>
    <phoneticPr fontId="3"/>
  </si>
  <si>
    <t>大阪市中央区南船場４丁目５番８号 RASTER ON SHINSAIBASHI602号</t>
    <rPh sb="0" eb="3">
      <t>オオサカシ</t>
    </rPh>
    <rPh sb="3" eb="6">
      <t>チュウオウク</t>
    </rPh>
    <rPh sb="6" eb="7">
      <t>ミナミ</t>
    </rPh>
    <rPh sb="7" eb="9">
      <t>センバ</t>
    </rPh>
    <rPh sb="10" eb="12">
      <t>チョウメ</t>
    </rPh>
    <rPh sb="13" eb="14">
      <t>バン</t>
    </rPh>
    <rPh sb="15" eb="16">
      <t>ゴウ</t>
    </rPh>
    <rPh sb="42" eb="43">
      <t>ゴウ</t>
    </rPh>
    <phoneticPr fontId="3"/>
  </si>
  <si>
    <t>医療法人　安岡医院　内科・循環器内科</t>
  </si>
  <si>
    <t>大阪市平野区加美北一丁目17番４号</t>
    <rPh sb="0" eb="3">
      <t>オオサカシ</t>
    </rPh>
    <rPh sb="3" eb="5">
      <t>ヒラノ</t>
    </rPh>
    <rPh sb="5" eb="6">
      <t>ク</t>
    </rPh>
    <rPh sb="6" eb="9">
      <t>カミキタ</t>
    </rPh>
    <rPh sb="9" eb="10">
      <t>ハジメ</t>
    </rPh>
    <rPh sb="10" eb="12">
      <t>チョウメ</t>
    </rPh>
    <rPh sb="14" eb="15">
      <t>バン</t>
    </rPh>
    <rPh sb="16" eb="17">
      <t>ゴウ</t>
    </rPh>
    <phoneticPr fontId="3"/>
  </si>
  <si>
    <t>医療法人</t>
    <rPh sb="0" eb="2">
      <t>イリョウ</t>
    </rPh>
    <rPh sb="2" eb="4">
      <t>ホウジン</t>
    </rPh>
    <phoneticPr fontId="3"/>
  </si>
  <si>
    <t>阿倍野区</t>
    <rPh sb="0" eb="4">
      <t>アベノク</t>
    </rPh>
    <phoneticPr fontId="3"/>
  </si>
  <si>
    <t>医療法人　恒裕会</t>
    <rPh sb="0" eb="2">
      <t>イリョウ</t>
    </rPh>
    <rPh sb="2" eb="4">
      <t>ホウジン</t>
    </rPh>
    <rPh sb="5" eb="6">
      <t>ヒサシ</t>
    </rPh>
    <rPh sb="6" eb="7">
      <t>ユウ</t>
    </rPh>
    <rPh sb="7" eb="8">
      <t>カイ</t>
    </rPh>
    <phoneticPr fontId="3"/>
  </si>
  <si>
    <t>大阪市阿倍野区桃ケ池町二丁目１３番１５号</t>
    <rPh sb="0" eb="3">
      <t>オオサカシ</t>
    </rPh>
    <rPh sb="3" eb="7">
      <t>アベノク</t>
    </rPh>
    <rPh sb="7" eb="8">
      <t>モモ</t>
    </rPh>
    <rPh sb="9" eb="10">
      <t>イケ</t>
    </rPh>
    <rPh sb="10" eb="11">
      <t>マチ</t>
    </rPh>
    <rPh sb="11" eb="12">
      <t>ニ</t>
    </rPh>
    <rPh sb="12" eb="14">
      <t>チョウメ</t>
    </rPh>
    <rPh sb="16" eb="17">
      <t>バン</t>
    </rPh>
    <rPh sb="19" eb="20">
      <t>ゴウ</t>
    </rPh>
    <phoneticPr fontId="3"/>
  </si>
  <si>
    <t>医療法人　桜樹会</t>
    <rPh sb="0" eb="2">
      <t>イリョウ</t>
    </rPh>
    <rPh sb="2" eb="4">
      <t>ホウジン</t>
    </rPh>
    <rPh sb="5" eb="6">
      <t>サクラ</t>
    </rPh>
    <rPh sb="6" eb="7">
      <t>キ</t>
    </rPh>
    <rPh sb="7" eb="8">
      <t>カイ</t>
    </rPh>
    <phoneticPr fontId="3"/>
  </si>
  <si>
    <t>大阪市平野区瓜破東一丁目１番２号　シャルマンコーポ南平野１階</t>
    <rPh sb="0" eb="3">
      <t>オオサカシ</t>
    </rPh>
    <rPh sb="3" eb="6">
      <t>ヒラノク</t>
    </rPh>
    <rPh sb="6" eb="8">
      <t>ウリワリ</t>
    </rPh>
    <rPh sb="8" eb="9">
      <t>ヒガシ</t>
    </rPh>
    <rPh sb="9" eb="10">
      <t>イチ</t>
    </rPh>
    <rPh sb="10" eb="12">
      <t>チョウメ</t>
    </rPh>
    <rPh sb="13" eb="14">
      <t>バン</t>
    </rPh>
    <rPh sb="15" eb="16">
      <t>ゴウ</t>
    </rPh>
    <rPh sb="25" eb="26">
      <t>ミナミ</t>
    </rPh>
    <rPh sb="26" eb="28">
      <t>ヒラノ</t>
    </rPh>
    <rPh sb="29" eb="30">
      <t>カイ</t>
    </rPh>
    <phoneticPr fontId="3"/>
  </si>
  <si>
    <t>医療法人　味木会</t>
    <rPh sb="0" eb="2">
      <t>イリョウ</t>
    </rPh>
    <rPh sb="2" eb="4">
      <t>ホウジン</t>
    </rPh>
    <rPh sb="5" eb="6">
      <t>アジ</t>
    </rPh>
    <rPh sb="6" eb="7">
      <t>キ</t>
    </rPh>
    <rPh sb="7" eb="8">
      <t>カイ</t>
    </rPh>
    <phoneticPr fontId="3"/>
  </si>
  <si>
    <t>大阪市生野区中川六丁目９番２３号</t>
    <rPh sb="0" eb="3">
      <t>オオサカシ</t>
    </rPh>
    <rPh sb="3" eb="6">
      <t>イクノク</t>
    </rPh>
    <rPh sb="6" eb="8">
      <t>ナカガワ</t>
    </rPh>
    <rPh sb="8" eb="9">
      <t>ロク</t>
    </rPh>
    <rPh sb="9" eb="11">
      <t>チョウメ</t>
    </rPh>
    <rPh sb="12" eb="13">
      <t>バン</t>
    </rPh>
    <rPh sb="15" eb="16">
      <t>ゴウ</t>
    </rPh>
    <phoneticPr fontId="3"/>
  </si>
  <si>
    <t>大阪市中央区心斎橋筋2-7-18プライムスクエア心斎橋ビル５階</t>
    <rPh sb="3" eb="6">
      <t>チュウオウク</t>
    </rPh>
    <rPh sb="6" eb="10">
      <t>シンサイバシスジ</t>
    </rPh>
    <rPh sb="24" eb="27">
      <t>シンサイバシ</t>
    </rPh>
    <rPh sb="30" eb="31">
      <t>カイ</t>
    </rPh>
    <phoneticPr fontId="3"/>
  </si>
  <si>
    <t>医療法人　美和会</t>
    <rPh sb="0" eb="2">
      <t>イリョウ</t>
    </rPh>
    <rPh sb="2" eb="4">
      <t>ホウジン</t>
    </rPh>
    <rPh sb="5" eb="7">
      <t>ミワ</t>
    </rPh>
    <rPh sb="7" eb="8">
      <t>カイ</t>
    </rPh>
    <phoneticPr fontId="3"/>
  </si>
  <si>
    <t>大阪市西成区南津守六丁目１番７５号</t>
    <rPh sb="0" eb="3">
      <t>オオサカシ</t>
    </rPh>
    <rPh sb="3" eb="5">
      <t>ニシナリ</t>
    </rPh>
    <rPh sb="5" eb="6">
      <t>ク</t>
    </rPh>
    <rPh sb="6" eb="7">
      <t>ミナミ</t>
    </rPh>
    <rPh sb="7" eb="9">
      <t>ツモリ</t>
    </rPh>
    <rPh sb="9" eb="10">
      <t>ロク</t>
    </rPh>
    <rPh sb="10" eb="12">
      <t>チョウメ</t>
    </rPh>
    <rPh sb="13" eb="14">
      <t>バン</t>
    </rPh>
    <rPh sb="16" eb="17">
      <t>ゴウ</t>
    </rPh>
    <phoneticPr fontId="3"/>
  </si>
  <si>
    <t>医療法人　眞愛会</t>
    <rPh sb="0" eb="2">
      <t>イリョウ</t>
    </rPh>
    <rPh sb="2" eb="4">
      <t>ホウジン</t>
    </rPh>
    <rPh sb="5" eb="6">
      <t>マ</t>
    </rPh>
    <rPh sb="6" eb="7">
      <t>アイ</t>
    </rPh>
    <rPh sb="7" eb="8">
      <t>カイ</t>
    </rPh>
    <phoneticPr fontId="3"/>
  </si>
  <si>
    <t>大阪市福島区福島一丁目１番51号堂島クロスウォーク404号</t>
    <rPh sb="0" eb="3">
      <t>オオサカシ</t>
    </rPh>
    <rPh sb="3" eb="6">
      <t>フクシマク</t>
    </rPh>
    <rPh sb="6" eb="8">
      <t>フクシマ</t>
    </rPh>
    <rPh sb="8" eb="9">
      <t>イチ</t>
    </rPh>
    <rPh sb="9" eb="11">
      <t>チョウメ</t>
    </rPh>
    <rPh sb="12" eb="13">
      <t>バン</t>
    </rPh>
    <rPh sb="15" eb="16">
      <t>ゴウ</t>
    </rPh>
    <rPh sb="16" eb="18">
      <t>ドウジマ</t>
    </rPh>
    <rPh sb="28" eb="29">
      <t>ゴウ</t>
    </rPh>
    <phoneticPr fontId="3"/>
  </si>
  <si>
    <t>社会医療法人　緑風会</t>
    <rPh sb="0" eb="2">
      <t>シャカイ</t>
    </rPh>
    <rPh sb="2" eb="4">
      <t>イリョウ</t>
    </rPh>
    <rPh sb="4" eb="6">
      <t>ホウジン</t>
    </rPh>
    <rPh sb="7" eb="8">
      <t>ミドリ</t>
    </rPh>
    <rPh sb="8" eb="9">
      <t>カゼ</t>
    </rPh>
    <rPh sb="9" eb="10">
      <t>カイ</t>
    </rPh>
    <phoneticPr fontId="3"/>
  </si>
  <si>
    <t>大阪市平野区背戸口一丁目18番13号</t>
    <rPh sb="3" eb="6">
      <t>ヒラノク</t>
    </rPh>
    <rPh sb="6" eb="9">
      <t>セトグチ</t>
    </rPh>
    <rPh sb="9" eb="10">
      <t>イチ</t>
    </rPh>
    <rPh sb="10" eb="12">
      <t>チョウメ</t>
    </rPh>
    <rPh sb="14" eb="15">
      <t>バン</t>
    </rPh>
    <rPh sb="17" eb="18">
      <t>ゴウ</t>
    </rPh>
    <phoneticPr fontId="3"/>
  </si>
  <si>
    <t>医療法人　結新会</t>
    <rPh sb="0" eb="2">
      <t>イリョウ</t>
    </rPh>
    <rPh sb="2" eb="4">
      <t>ホウジン</t>
    </rPh>
    <rPh sb="5" eb="6">
      <t>ムス</t>
    </rPh>
    <rPh sb="6" eb="7">
      <t>シン</t>
    </rPh>
    <rPh sb="7" eb="8">
      <t>カイ</t>
    </rPh>
    <phoneticPr fontId="3"/>
  </si>
  <si>
    <t>大正区</t>
    <rPh sb="0" eb="3">
      <t>タイショウク</t>
    </rPh>
    <phoneticPr fontId="3"/>
  </si>
  <si>
    <t>大阪市大正区三軒東一丁目19番14号太陽生命大阪西ビル１階</t>
    <rPh sb="0" eb="3">
      <t>オオサカシ</t>
    </rPh>
    <rPh sb="3" eb="6">
      <t>タイショウク</t>
    </rPh>
    <rPh sb="6" eb="9">
      <t>サンゲンヒガシ</t>
    </rPh>
    <rPh sb="9" eb="10">
      <t>イチ</t>
    </rPh>
    <rPh sb="10" eb="12">
      <t>チョウメ</t>
    </rPh>
    <rPh sb="14" eb="15">
      <t>バン</t>
    </rPh>
    <rPh sb="17" eb="18">
      <t>ゴウ</t>
    </rPh>
    <rPh sb="18" eb="20">
      <t>タイヨウ</t>
    </rPh>
    <rPh sb="20" eb="22">
      <t>セイメイ</t>
    </rPh>
    <rPh sb="22" eb="24">
      <t>オオサカ</t>
    </rPh>
    <rPh sb="24" eb="25">
      <t>ニシ</t>
    </rPh>
    <rPh sb="28" eb="29">
      <t>カイ</t>
    </rPh>
    <phoneticPr fontId="3"/>
  </si>
  <si>
    <t>医療法人　希桜会</t>
    <rPh sb="5" eb="6">
      <t>ノゾミ</t>
    </rPh>
    <rPh sb="6" eb="7">
      <t>サクラ</t>
    </rPh>
    <rPh sb="7" eb="8">
      <t>カイ</t>
    </rPh>
    <phoneticPr fontId="3"/>
  </si>
  <si>
    <t>医療法人　悠恵会</t>
    <rPh sb="5" eb="6">
      <t>ハルカ</t>
    </rPh>
    <rPh sb="6" eb="7">
      <t>メグミ</t>
    </rPh>
    <rPh sb="7" eb="8">
      <t>カイ</t>
    </rPh>
    <phoneticPr fontId="3"/>
  </si>
  <si>
    <t>医療法人　ニューロワイズ</t>
    <phoneticPr fontId="3"/>
  </si>
  <si>
    <t>医療法人　吉春会</t>
    <rPh sb="5" eb="7">
      <t>ヨシハル</t>
    </rPh>
    <rPh sb="7" eb="8">
      <t>カイ</t>
    </rPh>
    <phoneticPr fontId="3"/>
  </si>
  <si>
    <t>医療法人　野口医院</t>
    <rPh sb="5" eb="9">
      <t>ノグチイイン</t>
    </rPh>
    <phoneticPr fontId="3"/>
  </si>
  <si>
    <t>医療法人　聡仁会</t>
    <rPh sb="5" eb="6">
      <t>サトル</t>
    </rPh>
    <rPh sb="6" eb="7">
      <t>ジン</t>
    </rPh>
    <rPh sb="7" eb="8">
      <t>カイ</t>
    </rPh>
    <phoneticPr fontId="3"/>
  </si>
  <si>
    <t>医療法人　笠井医院</t>
    <rPh sb="5" eb="9">
      <t>カサイイイン</t>
    </rPh>
    <phoneticPr fontId="3"/>
  </si>
  <si>
    <t>医療法人　一功会</t>
    <rPh sb="5" eb="7">
      <t>イッコウ</t>
    </rPh>
    <rPh sb="7" eb="8">
      <t>カイ</t>
    </rPh>
    <phoneticPr fontId="3"/>
  </si>
  <si>
    <t>医療法人　久遠会</t>
    <rPh sb="5" eb="7">
      <t>クオン</t>
    </rPh>
    <rPh sb="7" eb="8">
      <t>カイ</t>
    </rPh>
    <phoneticPr fontId="3"/>
  </si>
  <si>
    <t>医療法人　史愛会</t>
    <rPh sb="5" eb="6">
      <t>フミ</t>
    </rPh>
    <rPh sb="6" eb="7">
      <t>アイ</t>
    </rPh>
    <rPh sb="7" eb="8">
      <t>カイ</t>
    </rPh>
    <phoneticPr fontId="3"/>
  </si>
  <si>
    <t>医療法人　村山会</t>
    <rPh sb="5" eb="8">
      <t>ムラヤマカイ</t>
    </rPh>
    <phoneticPr fontId="3"/>
  </si>
  <si>
    <t>医療法人　令賀会</t>
    <rPh sb="5" eb="6">
      <t>レイ</t>
    </rPh>
    <rPh sb="6" eb="7">
      <t>ガ</t>
    </rPh>
    <rPh sb="7" eb="8">
      <t>カイ</t>
    </rPh>
    <phoneticPr fontId="3"/>
  </si>
  <si>
    <t>医療法人　恵善会</t>
    <rPh sb="5" eb="6">
      <t>メグミ</t>
    </rPh>
    <rPh sb="6" eb="7">
      <t>ゼン</t>
    </rPh>
    <rPh sb="7" eb="8">
      <t>カイ</t>
    </rPh>
    <phoneticPr fontId="3"/>
  </si>
  <si>
    <t>医療法人　悠美会</t>
    <rPh sb="5" eb="6">
      <t>ハルカ</t>
    </rPh>
    <rPh sb="6" eb="7">
      <t>ビ</t>
    </rPh>
    <rPh sb="7" eb="8">
      <t>カイ</t>
    </rPh>
    <phoneticPr fontId="3"/>
  </si>
  <si>
    <t>医療法人　秀陽会</t>
    <rPh sb="5" eb="6">
      <t>ヒデ</t>
    </rPh>
    <rPh sb="6" eb="7">
      <t>ヨウ</t>
    </rPh>
    <rPh sb="7" eb="8">
      <t>カイ</t>
    </rPh>
    <phoneticPr fontId="3"/>
  </si>
  <si>
    <t>医療法人　咲栄会</t>
    <rPh sb="5" eb="6">
      <t>サ</t>
    </rPh>
    <rPh sb="6" eb="7">
      <t>サカエ</t>
    </rPh>
    <rPh sb="7" eb="8">
      <t>カイ</t>
    </rPh>
    <phoneticPr fontId="3"/>
  </si>
  <si>
    <t>医療法人　アサイクリニック</t>
    <phoneticPr fontId="3"/>
  </si>
  <si>
    <t>医療法人　健禮会</t>
    <rPh sb="5" eb="6">
      <t>ケン</t>
    </rPh>
    <rPh sb="7" eb="8">
      <t>カイ</t>
    </rPh>
    <phoneticPr fontId="3"/>
  </si>
  <si>
    <t>医療法人　しみず歯科クリニック</t>
    <rPh sb="8" eb="10">
      <t>シカ</t>
    </rPh>
    <phoneticPr fontId="3"/>
  </si>
  <si>
    <t>医療法人　医進会</t>
    <rPh sb="5" eb="6">
      <t>イ</t>
    </rPh>
    <rPh sb="6" eb="7">
      <t>ススム</t>
    </rPh>
    <rPh sb="7" eb="8">
      <t>カイ</t>
    </rPh>
    <phoneticPr fontId="3"/>
  </si>
  <si>
    <t>医療法人　輝白会</t>
    <rPh sb="5" eb="6">
      <t>テル</t>
    </rPh>
    <rPh sb="6" eb="7">
      <t>シロ</t>
    </rPh>
    <rPh sb="7" eb="8">
      <t>カイ</t>
    </rPh>
    <phoneticPr fontId="3"/>
  </si>
  <si>
    <t>医療法人　ダイヤモンド</t>
    <phoneticPr fontId="3"/>
  </si>
  <si>
    <t>医療法人　ＳＫＹ</t>
    <phoneticPr fontId="3"/>
  </si>
  <si>
    <t>医療法人　公誠会</t>
    <rPh sb="5" eb="6">
      <t>コウ</t>
    </rPh>
    <rPh sb="6" eb="7">
      <t>マコト</t>
    </rPh>
    <rPh sb="7" eb="8">
      <t>カイ</t>
    </rPh>
    <phoneticPr fontId="3"/>
  </si>
  <si>
    <t>医療法人　永山会</t>
    <rPh sb="5" eb="7">
      <t>ナガヤマ</t>
    </rPh>
    <rPh sb="7" eb="8">
      <t>カイ</t>
    </rPh>
    <phoneticPr fontId="3"/>
  </si>
  <si>
    <t>大阪市中央区西心斎橋１丁目１番１０号　プレリー心斎橋ビル７階</t>
    <rPh sb="11" eb="13">
      <t>チョウメ</t>
    </rPh>
    <rPh sb="14" eb="15">
      <t>バン</t>
    </rPh>
    <rPh sb="17" eb="18">
      <t>ゴウ</t>
    </rPh>
    <rPh sb="29" eb="30">
      <t>カイ</t>
    </rPh>
    <phoneticPr fontId="2"/>
  </si>
  <si>
    <t>大阪市大正区北村２丁目５番１０号</t>
    <rPh sb="9" eb="11">
      <t>チョウメ</t>
    </rPh>
    <rPh sb="12" eb="13">
      <t>バン</t>
    </rPh>
    <rPh sb="15" eb="16">
      <t>ゴウ</t>
    </rPh>
    <phoneticPr fontId="2"/>
  </si>
  <si>
    <t>大阪市阿倍野区天王寺町北３丁目１１番４号</t>
    <rPh sb="10" eb="11">
      <t>チョウ</t>
    </rPh>
    <rPh sb="13" eb="15">
      <t>チョウメ</t>
    </rPh>
    <rPh sb="17" eb="18">
      <t>バン</t>
    </rPh>
    <rPh sb="19" eb="20">
      <t>ゴウ</t>
    </rPh>
    <phoneticPr fontId="2"/>
  </si>
  <si>
    <t>大阪市住吉区南住吉１丁目４番７号　メディカルセンター長居１階</t>
    <rPh sb="3" eb="6">
      <t>スミヨシク</t>
    </rPh>
    <phoneticPr fontId="2"/>
  </si>
  <si>
    <t>大阪市北区芝田２丁目８番３３号　芝田ビル３階</t>
    <rPh sb="11" eb="12">
      <t>バン</t>
    </rPh>
    <rPh sb="14" eb="15">
      <t>ゴウ</t>
    </rPh>
    <rPh sb="21" eb="22">
      <t>カイ</t>
    </rPh>
    <phoneticPr fontId="2"/>
  </si>
  <si>
    <t>大阪市東淀川区大道南３丁目１４番４号</t>
    <rPh sb="15" eb="16">
      <t>バン</t>
    </rPh>
    <rPh sb="17" eb="18">
      <t>ゴウ</t>
    </rPh>
    <phoneticPr fontId="2"/>
  </si>
  <si>
    <t>大阪市浪速区桜川２丁目２番３１号　ザクロコーポレーション桜川ビル１階</t>
    <rPh sb="28" eb="30">
      <t>サクラガワ</t>
    </rPh>
    <phoneticPr fontId="2"/>
  </si>
  <si>
    <t>大阪市生野区生野西４丁目１４番１２号　１階</t>
    <rPh sb="20" eb="21">
      <t>カイ</t>
    </rPh>
    <phoneticPr fontId="2"/>
  </si>
  <si>
    <t>大阪市北区梅田１丁目８番１６号　ヒルトンプラザイースト５階</t>
    <rPh sb="8" eb="10">
      <t>チョウメ</t>
    </rPh>
    <rPh sb="11" eb="12">
      <t>バン</t>
    </rPh>
    <rPh sb="14" eb="15">
      <t>ゴウ</t>
    </rPh>
    <phoneticPr fontId="2"/>
  </si>
  <si>
    <t>大阪市中央区心斎橋筋２丁目３番２４号　ジャパンライフビル３階</t>
    <rPh sb="29" eb="30">
      <t>カイ</t>
    </rPh>
    <phoneticPr fontId="2"/>
  </si>
  <si>
    <t>大阪市東淀川区豊里７丁目３３番７号　サニークレスト忠１０１</t>
    <rPh sb="10" eb="12">
      <t>チョウメ</t>
    </rPh>
    <rPh sb="14" eb="15">
      <t>バン</t>
    </rPh>
    <rPh sb="16" eb="17">
      <t>ゴウ</t>
    </rPh>
    <phoneticPr fontId="2"/>
  </si>
  <si>
    <t>大阪市平野区喜連西４丁目７番１９号　メゾンドデリシャス１階</t>
    <rPh sb="10" eb="12">
      <t>チョウメ</t>
    </rPh>
    <rPh sb="13" eb="14">
      <t>バン</t>
    </rPh>
    <rPh sb="16" eb="17">
      <t>ゴウ</t>
    </rPh>
    <rPh sb="28" eb="29">
      <t>カイ</t>
    </rPh>
    <phoneticPr fontId="2"/>
  </si>
  <si>
    <t>大阪市西区北堀江１丁目２番１７号　四ツ橋川崎ビル４階</t>
    <rPh sb="9" eb="11">
      <t>チョウメ</t>
    </rPh>
    <rPh sb="12" eb="13">
      <t>バン</t>
    </rPh>
    <rPh sb="15" eb="16">
      <t>ゴウ</t>
    </rPh>
    <phoneticPr fontId="2"/>
  </si>
  <si>
    <t>大阪市西区西本町１丁目７番１号　信濃橋ＦＪビル２階</t>
    <rPh sb="24" eb="25">
      <t>カイ</t>
    </rPh>
    <phoneticPr fontId="2"/>
  </si>
  <si>
    <t>大阪市阿倍野区播磨町１丁目２４番１号　グレインスパイン１階</t>
    <rPh sb="11" eb="13">
      <t>チョウメ</t>
    </rPh>
    <rPh sb="15" eb="16">
      <t>バン</t>
    </rPh>
    <rPh sb="17" eb="18">
      <t>ゴウ</t>
    </rPh>
    <rPh sb="28" eb="29">
      <t>カイ</t>
    </rPh>
    <phoneticPr fontId="2"/>
  </si>
  <si>
    <t>大阪市東淀川区豊里１丁目３番３３号　豊里白陵ビル２階</t>
  </si>
  <si>
    <t>大阪市大正区小林西１丁目２番２号</t>
  </si>
  <si>
    <t>大阪市北区太融寺町３番２４号　日本生命梅田第二ビル１階</t>
  </si>
  <si>
    <t>大阪市城東区関目３丁目１３番１号</t>
  </si>
  <si>
    <t>大阪市平野区背戸口５丁目５番１６号</t>
  </si>
  <si>
    <t>大阪市住吉区我孫子東２丁目７番３８号　クリニックステーションあびこ４階</t>
  </si>
  <si>
    <t>大阪市福島区鷺洲５丁目９番８号</t>
  </si>
  <si>
    <t>大阪市東成区大今里西３丁目６番３号</t>
  </si>
  <si>
    <t>大阪市西淀川区大和田４丁目８番５号</t>
  </si>
  <si>
    <t>大阪市東淀川区小松１丁目８番３４号　グランドハイツ濱１階</t>
  </si>
  <si>
    <t>東淀川区</t>
    <rPh sb="0" eb="1">
      <t>ヒガシ</t>
    </rPh>
    <rPh sb="1" eb="4">
      <t>ヨドガワク</t>
    </rPh>
    <phoneticPr fontId="3"/>
  </si>
  <si>
    <t>大正区</t>
    <rPh sb="0" eb="3">
      <t>タイショウク</t>
    </rPh>
    <phoneticPr fontId="3"/>
  </si>
  <si>
    <t>北区</t>
    <rPh sb="0" eb="2">
      <t>キタク</t>
    </rPh>
    <phoneticPr fontId="3"/>
  </si>
  <si>
    <t>中央区</t>
    <rPh sb="0" eb="3">
      <t>チュウオウク</t>
    </rPh>
    <phoneticPr fontId="3"/>
  </si>
  <si>
    <t>城東区</t>
    <rPh sb="0" eb="3">
      <t>ジョウトウク</t>
    </rPh>
    <phoneticPr fontId="3"/>
  </si>
  <si>
    <t>平野区</t>
    <rPh sb="0" eb="3">
      <t>ヒラノク</t>
    </rPh>
    <phoneticPr fontId="3"/>
  </si>
  <si>
    <t>住吉区</t>
    <rPh sb="0" eb="2">
      <t>スミヨシ</t>
    </rPh>
    <phoneticPr fontId="3"/>
  </si>
  <si>
    <t>東淀川区</t>
    <rPh sb="0" eb="4">
      <t>ヒガシヨドガワク</t>
    </rPh>
    <phoneticPr fontId="3"/>
  </si>
  <si>
    <t>浪速区</t>
    <rPh sb="0" eb="3">
      <t>ナニワク</t>
    </rPh>
    <phoneticPr fontId="3"/>
  </si>
  <si>
    <t>東成区</t>
    <rPh sb="0" eb="3">
      <t>ヒガシナリク</t>
    </rPh>
    <phoneticPr fontId="3"/>
  </si>
  <si>
    <t>西区</t>
    <rPh sb="0" eb="2">
      <t>ニシク</t>
    </rPh>
    <phoneticPr fontId="3"/>
  </si>
  <si>
    <t>阿倍野区</t>
    <rPh sb="0" eb="4">
      <t>アベノク</t>
    </rPh>
    <phoneticPr fontId="3"/>
  </si>
  <si>
    <t>医療法人　京昭会</t>
  </si>
  <si>
    <t>大阪市都島区都島北通1-22-6</t>
  </si>
  <si>
    <t>大阪市都島区東野田町5-3-33</t>
  </si>
  <si>
    <t>大阪市都島区中野町1-7-32</t>
  </si>
  <si>
    <t>大阪市此花区酉島2-1-15</t>
  </si>
  <si>
    <t>大阪市中央区瓦屋町3-2-7</t>
  </si>
  <si>
    <t>大阪市西区北堀江1-10-6</t>
  </si>
  <si>
    <t>医療法人　渡辺医学会</t>
  </si>
  <si>
    <t>大阪市天王寺区生玉前町3-24</t>
  </si>
  <si>
    <t>大阪市天王寺区道ヶ芝2-10-2</t>
  </si>
  <si>
    <t>大阪市天王寺区北河堀町4-15</t>
  </si>
  <si>
    <t>大阪市天王寺区筆ヶ崎町2-75</t>
  </si>
  <si>
    <t>大阪市浪速区幸町2-3-11</t>
  </si>
  <si>
    <t>医療法人　弘善会</t>
  </si>
  <si>
    <t>大阪市東成区東今里2-12-13</t>
  </si>
  <si>
    <t>大阪市東成区中道4-14-26</t>
  </si>
  <si>
    <t>医療法人　公道会</t>
  </si>
  <si>
    <t>大阪市東成区大今里西2-7-17</t>
  </si>
  <si>
    <t>大阪市生野区中川5-4-2</t>
  </si>
  <si>
    <t>大阪市生野区生野西3-2-5</t>
  </si>
  <si>
    <t>大阪市旭区新森4-13-17</t>
  </si>
  <si>
    <t>社会医療法人　有隣会</t>
  </si>
  <si>
    <t>大阪市鶴見区放出東2-21-16</t>
  </si>
  <si>
    <t>大阪市住吉区我孫子3-3-20</t>
  </si>
  <si>
    <t>大阪市東住吉区桑津2-8-8</t>
  </si>
  <si>
    <t>大阪市平野区長吉長原1-2-34</t>
  </si>
  <si>
    <t>医療法人　五月会</t>
  </si>
  <si>
    <t>大阪市平野区瓜破2-1-19</t>
  </si>
  <si>
    <t>大阪市西成区長橋三丁目6番45号</t>
  </si>
  <si>
    <t>医療法人　辻診療所</t>
    <rPh sb="0" eb="2">
      <t>イリョウ</t>
    </rPh>
    <rPh sb="2" eb="4">
      <t>ホウジン</t>
    </rPh>
    <rPh sb="5" eb="6">
      <t>ツジ</t>
    </rPh>
    <rPh sb="6" eb="9">
      <t>シンリョウショ</t>
    </rPh>
    <phoneticPr fontId="3"/>
  </si>
  <si>
    <t>医療法人　大西矯正歯科クリニック</t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13" x14ac:knownFonts="1">
    <font>
      <sz val="11"/>
      <name val="ＭＳ Ｐゴシック"/>
      <family val="3"/>
      <charset val="128"/>
    </font>
    <font>
      <sz val="11"/>
      <name val="ＭＳ Ｐゴシック"/>
      <family val="3"/>
      <charset val="128"/>
    </font>
    <font>
      <b/>
      <sz val="10"/>
      <color indexed="9"/>
      <name val="ＭＳ Ｐゴシック"/>
      <family val="3"/>
      <charset val="128"/>
    </font>
    <font>
      <sz val="6"/>
      <name val="ＭＳ Ｐゴシック"/>
      <family val="3"/>
      <charset val="128"/>
    </font>
    <font>
      <sz val="11"/>
      <color indexed="8"/>
      <name val="ＭＳ Ｐゴシック"/>
      <family val="3"/>
      <charset val="128"/>
    </font>
    <font>
      <sz val="6"/>
      <name val="ＭＳ Ｐ明朝"/>
      <family val="1"/>
      <charset val="128"/>
    </font>
    <font>
      <b/>
      <sz val="9"/>
      <color indexed="81"/>
      <name val="ＭＳ Ｐゴシック"/>
      <family val="3"/>
      <charset val="128"/>
    </font>
    <font>
      <sz val="11"/>
      <color indexed="8"/>
      <name val="ＭＳ Ｐゴシック"/>
      <family val="3"/>
      <charset val="128"/>
    </font>
    <font>
      <sz val="11"/>
      <color theme="1"/>
      <name val="ＭＳ Ｐゴシック"/>
      <family val="3"/>
      <charset val="128"/>
      <scheme val="minor"/>
    </font>
    <font>
      <sz val="6"/>
      <name val="ＭＳ Ｐゴシック"/>
      <family val="3"/>
      <charset val="128"/>
      <scheme val="minor"/>
    </font>
    <font>
      <sz val="6"/>
      <name val="ＭＳ Ｐゴシック"/>
      <family val="2"/>
      <charset val="128"/>
      <scheme val="minor"/>
    </font>
    <font>
      <sz val="10"/>
      <name val="ＭＳ 明朝"/>
      <family val="1"/>
      <charset val="128"/>
    </font>
    <font>
      <b/>
      <sz val="10"/>
      <name val="ＭＳ 明朝"/>
      <family val="1"/>
      <charset val="128"/>
    </font>
  </fonts>
  <fills count="7">
    <fill>
      <patternFill patternType="none"/>
    </fill>
    <fill>
      <patternFill patternType="gray125"/>
    </fill>
    <fill>
      <patternFill patternType="solid">
        <fgColor rgb="FFFFFF00"/>
        <bgColor indexed="64"/>
      </patternFill>
    </fill>
    <fill>
      <patternFill patternType="solid">
        <fgColor theme="0"/>
        <bgColor indexed="64"/>
      </patternFill>
    </fill>
    <fill>
      <patternFill patternType="solid">
        <fgColor theme="0" tint="-0.14999847407452621"/>
        <bgColor indexed="0"/>
      </patternFill>
    </fill>
    <fill>
      <patternFill patternType="solid">
        <fgColor theme="0" tint="-0.14999847407452621"/>
        <bgColor indexed="64"/>
      </patternFill>
    </fill>
    <fill>
      <patternFill patternType="solid">
        <fgColor indexed="9"/>
        <bgColor indexed="64"/>
      </patternFill>
    </fill>
  </fills>
  <borders count="8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medium">
        <color indexed="64"/>
      </right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hair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</borders>
  <cellStyleXfs count="5">
    <xf numFmtId="0" fontId="0" fillId="0" borderId="0">
      <alignment vertical="center"/>
    </xf>
    <xf numFmtId="0" fontId="1" fillId="0" borderId="0"/>
    <xf numFmtId="0" fontId="8" fillId="0" borderId="0">
      <alignment vertical="center"/>
    </xf>
    <xf numFmtId="0" fontId="4" fillId="0" borderId="0"/>
    <xf numFmtId="0" fontId="1" fillId="0" borderId="0"/>
  </cellStyleXfs>
  <cellXfs count="54">
    <xf numFmtId="0" fontId="0" fillId="0" borderId="0" xfId="0">
      <alignment vertical="center"/>
    </xf>
    <xf numFmtId="0" fontId="11" fillId="3" borderId="0" xfId="0" applyFont="1" applyFill="1" applyAlignment="1">
      <alignment horizontal="center" vertical="center"/>
    </xf>
    <xf numFmtId="0" fontId="11" fillId="0" borderId="0" xfId="0" applyFont="1">
      <alignment vertical="center"/>
    </xf>
    <xf numFmtId="0" fontId="11" fillId="0" borderId="0" xfId="0" applyFont="1" applyFill="1">
      <alignment vertical="center"/>
    </xf>
    <xf numFmtId="0" fontId="11" fillId="3" borderId="0" xfId="0" applyFont="1" applyFill="1">
      <alignment vertical="center"/>
    </xf>
    <xf numFmtId="0" fontId="11" fillId="0" borderId="0" xfId="0" applyFont="1" applyBorder="1">
      <alignment vertical="center"/>
    </xf>
    <xf numFmtId="0" fontId="11" fillId="0" borderId="1" xfId="0" applyFont="1" applyBorder="1">
      <alignment vertical="center"/>
    </xf>
    <xf numFmtId="0" fontId="11" fillId="3" borderId="0" xfId="3" applyFont="1" applyFill="1" applyBorder="1" applyAlignment="1">
      <alignment vertical="center" wrapText="1"/>
    </xf>
    <xf numFmtId="0" fontId="11" fillId="3" borderId="0" xfId="0" applyFont="1" applyFill="1" applyBorder="1" applyAlignment="1">
      <alignment horizontal="center" vertical="center"/>
    </xf>
    <xf numFmtId="0" fontId="11" fillId="2" borderId="0" xfId="0" applyFont="1" applyFill="1">
      <alignment vertical="center"/>
    </xf>
    <xf numFmtId="0" fontId="11" fillId="0" borderId="0" xfId="0" applyFont="1" applyFill="1" applyBorder="1">
      <alignment vertical="center"/>
    </xf>
    <xf numFmtId="0" fontId="11" fillId="0" borderId="2" xfId="0" applyFont="1" applyFill="1" applyBorder="1">
      <alignment vertical="center"/>
    </xf>
    <xf numFmtId="0" fontId="11" fillId="0" borderId="5" xfId="0" applyFont="1" applyFill="1" applyBorder="1">
      <alignment vertical="center"/>
    </xf>
    <xf numFmtId="0" fontId="11" fillId="0" borderId="3" xfId="0" applyFont="1" applyFill="1" applyBorder="1">
      <alignment vertical="center"/>
    </xf>
    <xf numFmtId="0" fontId="11" fillId="0" borderId="1" xfId="0" applyFont="1" applyFill="1" applyBorder="1">
      <alignment vertical="center"/>
    </xf>
    <xf numFmtId="0" fontId="11" fillId="0" borderId="4" xfId="0" applyFont="1" applyFill="1" applyBorder="1">
      <alignment vertical="center"/>
    </xf>
    <xf numFmtId="0" fontId="11" fillId="3" borderId="0" xfId="0" applyNumberFormat="1" applyFont="1" applyFill="1" applyAlignment="1">
      <alignment horizontal="center" vertical="center"/>
    </xf>
    <xf numFmtId="0" fontId="11" fillId="3" borderId="0" xfId="0" applyFont="1" applyFill="1" applyAlignment="1">
      <alignment vertical="center"/>
    </xf>
    <xf numFmtId="0" fontId="11" fillId="3" borderId="0" xfId="0" applyFont="1" applyFill="1" applyAlignment="1">
      <alignment vertical="center" wrapText="1"/>
    </xf>
    <xf numFmtId="0" fontId="11" fillId="3" borderId="0" xfId="0" applyFont="1" applyFill="1" applyAlignment="1">
      <alignment horizontal="left" vertical="center"/>
    </xf>
    <xf numFmtId="0" fontId="11" fillId="0" borderId="4" xfId="0" applyFont="1" applyBorder="1">
      <alignment vertical="center"/>
    </xf>
    <xf numFmtId="0" fontId="11" fillId="0" borderId="6" xfId="0" applyFont="1" applyFill="1" applyBorder="1">
      <alignment vertical="center"/>
    </xf>
    <xf numFmtId="0" fontId="12" fillId="4" borderId="7" xfId="3" applyFont="1" applyFill="1" applyBorder="1" applyAlignment="1">
      <alignment horizontal="center" vertical="center"/>
    </xf>
    <xf numFmtId="0" fontId="12" fillId="4" borderId="7" xfId="3" applyNumberFormat="1" applyFont="1" applyFill="1" applyBorder="1" applyAlignment="1">
      <alignment horizontal="center" vertical="center"/>
    </xf>
    <xf numFmtId="0" fontId="12" fillId="4" borderId="7" xfId="3" applyFont="1" applyFill="1" applyBorder="1" applyAlignment="1">
      <alignment horizontal="center" vertical="center" wrapText="1"/>
    </xf>
    <xf numFmtId="0" fontId="12" fillId="5" borderId="7" xfId="0" applyFont="1" applyFill="1" applyBorder="1" applyAlignment="1">
      <alignment horizontal="center" vertical="center" wrapText="1"/>
    </xf>
    <xf numFmtId="0" fontId="11" fillId="3" borderId="7" xfId="0" applyFont="1" applyFill="1" applyBorder="1" applyAlignment="1">
      <alignment horizontal="left" vertical="center"/>
    </xf>
    <xf numFmtId="0" fontId="11" fillId="3" borderId="7" xfId="0" applyFont="1" applyFill="1" applyBorder="1" applyAlignment="1">
      <alignment horizontal="center" vertical="center"/>
    </xf>
    <xf numFmtId="0" fontId="11" fillId="3" borderId="7" xfId="0" applyNumberFormat="1" applyFont="1" applyFill="1" applyBorder="1" applyAlignment="1">
      <alignment horizontal="center" vertical="center"/>
    </xf>
    <xf numFmtId="0" fontId="11" fillId="3" borderId="7" xfId="0" applyFont="1" applyFill="1" applyBorder="1" applyAlignment="1">
      <alignment vertical="center" shrinkToFit="1"/>
    </xf>
    <xf numFmtId="0" fontId="11" fillId="3" borderId="7" xfId="3" applyFont="1" applyFill="1" applyBorder="1" applyAlignment="1">
      <alignment horizontal="left" vertical="center" wrapText="1"/>
    </xf>
    <xf numFmtId="0" fontId="11" fillId="3" borderId="7" xfId="3" applyNumberFormat="1" applyFont="1" applyFill="1" applyBorder="1" applyAlignment="1">
      <alignment horizontal="center" vertical="center" wrapText="1"/>
    </xf>
    <xf numFmtId="0" fontId="11" fillId="3" borderId="7" xfId="3" applyFont="1" applyFill="1" applyBorder="1" applyAlignment="1">
      <alignment vertical="center" shrinkToFit="1"/>
    </xf>
    <xf numFmtId="0" fontId="11" fillId="3" borderId="7" xfId="0" applyNumberFormat="1" applyFont="1" applyFill="1" applyBorder="1" applyAlignment="1">
      <alignment horizontal="center" vertical="center" wrapText="1"/>
    </xf>
    <xf numFmtId="0" fontId="11" fillId="3" borderId="7" xfId="3" quotePrefix="1" applyNumberFormat="1" applyFont="1" applyFill="1" applyBorder="1" applyAlignment="1">
      <alignment horizontal="center" vertical="center" wrapText="1"/>
    </xf>
    <xf numFmtId="0" fontId="11" fillId="3" borderId="7" xfId="0" applyFont="1" applyFill="1" applyBorder="1" applyAlignment="1">
      <alignment horizontal="center" vertical="center" shrinkToFit="1"/>
    </xf>
    <xf numFmtId="0" fontId="11" fillId="3" borderId="7" xfId="0" applyFont="1" applyFill="1" applyBorder="1" applyAlignment="1">
      <alignment horizontal="left" vertical="center" shrinkToFit="1"/>
    </xf>
    <xf numFmtId="0" fontId="11" fillId="3" borderId="7" xfId="0" applyNumberFormat="1" applyFont="1" applyFill="1" applyBorder="1" applyAlignment="1">
      <alignment vertical="center" shrinkToFit="1"/>
    </xf>
    <xf numFmtId="0" fontId="11" fillId="3" borderId="7" xfId="0" applyNumberFormat="1" applyFont="1" applyFill="1" applyBorder="1" applyAlignment="1">
      <alignment horizontal="left" vertical="center" shrinkToFit="1"/>
    </xf>
    <xf numFmtId="0" fontId="11" fillId="3" borderId="7" xfId="0" applyFont="1" applyFill="1" applyBorder="1" applyAlignment="1">
      <alignment horizontal="center" vertical="center" wrapText="1"/>
    </xf>
    <xf numFmtId="0" fontId="11" fillId="3" borderId="7" xfId="1" applyFont="1" applyFill="1" applyBorder="1" applyAlignment="1">
      <alignment horizontal="left" vertical="center" shrinkToFit="1"/>
    </xf>
    <xf numFmtId="0" fontId="11" fillId="3" borderId="7" xfId="2" applyFont="1" applyFill="1" applyBorder="1" applyAlignment="1" applyProtection="1">
      <alignment horizontal="left" vertical="center" shrinkToFit="1"/>
    </xf>
    <xf numFmtId="0" fontId="11" fillId="6" borderId="7" xfId="4" applyNumberFormat="1" applyFont="1" applyFill="1" applyBorder="1" applyAlignment="1">
      <alignment vertical="center" shrinkToFit="1"/>
    </xf>
    <xf numFmtId="49" fontId="11" fillId="3" borderId="7" xfId="3" quotePrefix="1" applyNumberFormat="1" applyFont="1" applyFill="1" applyBorder="1" applyAlignment="1">
      <alignment horizontal="center" vertical="center" wrapText="1"/>
    </xf>
    <xf numFmtId="0" fontId="11" fillId="3" borderId="7" xfId="3" applyFont="1" applyFill="1" applyBorder="1" applyAlignment="1">
      <alignment horizontal="center" vertical="center" wrapText="1"/>
    </xf>
    <xf numFmtId="0" fontId="11" fillId="3" borderId="7" xfId="2" applyFont="1" applyFill="1" applyBorder="1" applyAlignment="1">
      <alignment horizontal="left" vertical="center" shrinkToFit="1"/>
    </xf>
    <xf numFmtId="0" fontId="11" fillId="3" borderId="7" xfId="1" applyNumberFormat="1" applyFont="1" applyFill="1" applyBorder="1" applyAlignment="1">
      <alignment vertical="center" shrinkToFit="1"/>
    </xf>
    <xf numFmtId="0" fontId="11" fillId="3" borderId="7" xfId="3" applyFont="1" applyFill="1" applyBorder="1" applyAlignment="1">
      <alignment horizontal="center" vertical="center"/>
    </xf>
    <xf numFmtId="0" fontId="11" fillId="3" borderId="7" xfId="1" applyFont="1" applyFill="1" applyBorder="1" applyAlignment="1">
      <alignment vertical="center" shrinkToFit="1"/>
    </xf>
    <xf numFmtId="0" fontId="11" fillId="0" borderId="7" xfId="0" applyNumberFormat="1" applyFont="1" applyFill="1" applyBorder="1" applyAlignment="1">
      <alignment horizontal="center" vertical="center" wrapText="1"/>
    </xf>
    <xf numFmtId="0" fontId="11" fillId="0" borderId="7" xfId="0" applyFont="1" applyFill="1" applyBorder="1" applyAlignment="1">
      <alignment vertical="center" shrinkToFit="1"/>
    </xf>
    <xf numFmtId="0" fontId="11" fillId="3" borderId="7" xfId="1" applyNumberFormat="1" applyFont="1" applyFill="1" applyBorder="1" applyAlignment="1">
      <alignment horizontal="left" vertical="center" shrinkToFit="1"/>
    </xf>
    <xf numFmtId="0" fontId="11" fillId="3" borderId="7" xfId="2" applyFont="1" applyFill="1" applyBorder="1" applyAlignment="1" applyProtection="1">
      <alignment vertical="center" shrinkToFit="1"/>
    </xf>
    <xf numFmtId="0" fontId="11" fillId="3" borderId="7" xfId="4" applyNumberFormat="1" applyFont="1" applyFill="1" applyBorder="1" applyAlignment="1">
      <alignment vertical="center" shrinkToFit="1"/>
    </xf>
  </cellXfs>
  <cellStyles count="5">
    <cellStyle name="標準" xfId="0" builtinId="0"/>
    <cellStyle name="標準 2" xfId="1"/>
    <cellStyle name="標準 3" xfId="2"/>
    <cellStyle name="標準_Sheet2" xfId="3"/>
    <cellStyle name="標準_ファイル設計書_申請一覧表" xfId="4"/>
  </cellStyles>
  <dxfs count="2"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</dxfs>
  <tableStyles count="0" defaultTableStyle="TableStyleMedium9" defaultPivotStyle="PivotStyleLight16"/>
  <colors>
    <mruColors>
      <color rgb="FF99FF66"/>
      <color rgb="FFFFFF66"/>
      <color rgb="FFFFCCFF"/>
      <color rgb="FFCCFF99"/>
      <color rgb="FFCCECFF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3" Type="http://schemas.openxmlformats.org/officeDocument/2006/relationships/printerSettings" Target="../printerSettings/printerSettings1.bin"/><Relationship Id="rId2" Type="http://schemas.openxmlformats.org/officeDocument/2006/relationships/hyperlink" Target="http://mpss.mfis.pref.osaka.jp/qq27scripts/dc/dc27hujnmt_in2.asp?h_cd=003340&amp;up_flg=up" TargetMode="External"/><Relationship Id="rId1" Type="http://schemas.openxmlformats.org/officeDocument/2006/relationships/hyperlink" Target="http://mpss.mfis.pref.osaka.jp/qq27scripts/dc/dc27hujnmt_in2.asp?h_cd=016850&amp;up_flg=up" TargetMode="External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99FF66"/>
  </sheetPr>
  <dimension ref="A1:AT1712"/>
  <sheetViews>
    <sheetView tabSelected="1" view="pageBreakPreview" zoomScaleNormal="100" zoomScaleSheetLayoutView="100" workbookViewId="0">
      <pane ySplit="1" topLeftCell="A2" activePane="bottomLeft" state="frozen"/>
      <selection pane="bottomLeft" activeCell="E1697" sqref="E1697"/>
    </sheetView>
  </sheetViews>
  <sheetFormatPr defaultRowHeight="36" customHeight="1" x14ac:dyDescent="0.15"/>
  <cols>
    <col min="1" max="1" width="5.5" style="2" customWidth="1"/>
    <col min="2" max="2" width="11.625" style="19" customWidth="1"/>
    <col min="3" max="3" width="9.375" style="1" customWidth="1"/>
    <col min="4" max="4" width="10.25" style="16" customWidth="1"/>
    <col min="5" max="5" width="25.375" style="17" customWidth="1"/>
    <col min="6" max="6" width="38.625" style="18" customWidth="1"/>
    <col min="7" max="7" width="7.625" style="1" customWidth="1"/>
    <col min="8" max="16384" width="9" style="2"/>
  </cols>
  <sheetData>
    <row r="1" spans="1:46" ht="13.5" customHeight="1" x14ac:dyDescent="0.15">
      <c r="B1" s="22" t="s">
        <v>1049</v>
      </c>
      <c r="C1" s="22" t="s">
        <v>1540</v>
      </c>
      <c r="D1" s="23" t="s">
        <v>1050</v>
      </c>
      <c r="E1" s="22" t="s">
        <v>2173</v>
      </c>
      <c r="F1" s="24" t="s">
        <v>1724</v>
      </c>
      <c r="G1" s="25" t="s">
        <v>1688</v>
      </c>
    </row>
    <row r="2" spans="1:46" s="3" customFormat="1" ht="13.5" customHeight="1" x14ac:dyDescent="0.15">
      <c r="A2" s="3">
        <v>1</v>
      </c>
      <c r="B2" s="26" t="s">
        <v>1051</v>
      </c>
      <c r="C2" s="27" t="s">
        <v>986</v>
      </c>
      <c r="D2" s="28">
        <v>210</v>
      </c>
      <c r="E2" s="29" t="s">
        <v>3576</v>
      </c>
      <c r="F2" s="29" t="s">
        <v>839</v>
      </c>
      <c r="G2" s="27">
        <v>3</v>
      </c>
      <c r="H2" s="2"/>
      <c r="I2" s="2"/>
      <c r="J2" s="2"/>
      <c r="K2" s="2"/>
      <c r="L2" s="2"/>
      <c r="M2" s="2"/>
      <c r="N2" s="2"/>
      <c r="O2" s="2"/>
      <c r="P2" s="2"/>
      <c r="Q2" s="2"/>
      <c r="R2" s="2"/>
      <c r="S2" s="2"/>
      <c r="T2" s="2"/>
      <c r="U2" s="2"/>
      <c r="V2" s="2"/>
      <c r="W2" s="2"/>
      <c r="X2" s="2"/>
      <c r="Y2" s="2"/>
      <c r="Z2" s="2"/>
      <c r="AA2" s="2"/>
      <c r="AB2" s="2"/>
      <c r="AC2" s="2"/>
      <c r="AD2" s="2"/>
      <c r="AE2" s="2"/>
      <c r="AF2" s="2"/>
      <c r="AG2" s="2"/>
      <c r="AH2" s="2"/>
      <c r="AI2" s="2"/>
      <c r="AJ2" s="2"/>
      <c r="AK2" s="2"/>
      <c r="AL2" s="2"/>
      <c r="AM2" s="2"/>
      <c r="AN2" s="2"/>
      <c r="AO2" s="2"/>
      <c r="AP2" s="2"/>
      <c r="AQ2" s="2"/>
      <c r="AR2" s="2"/>
      <c r="AS2" s="2"/>
      <c r="AT2" s="2"/>
    </row>
    <row r="3" spans="1:46" s="3" customFormat="1" ht="13.5" customHeight="1" x14ac:dyDescent="0.15">
      <c r="A3" s="3">
        <v>2</v>
      </c>
      <c r="B3" s="26" t="s">
        <v>1051</v>
      </c>
      <c r="C3" s="27" t="s">
        <v>986</v>
      </c>
      <c r="D3" s="28">
        <v>254</v>
      </c>
      <c r="E3" s="29" t="s">
        <v>2559</v>
      </c>
      <c r="F3" s="29" t="s">
        <v>840</v>
      </c>
      <c r="G3" s="27">
        <v>3</v>
      </c>
      <c r="H3" s="2"/>
      <c r="I3" s="2"/>
      <c r="J3" s="2"/>
      <c r="K3" s="2"/>
      <c r="L3" s="2"/>
      <c r="M3" s="2"/>
      <c r="N3" s="2"/>
      <c r="O3" s="2"/>
      <c r="P3" s="2"/>
      <c r="Q3" s="2"/>
      <c r="R3" s="2"/>
      <c r="S3" s="2"/>
      <c r="T3" s="2"/>
      <c r="U3" s="2"/>
      <c r="V3" s="2"/>
      <c r="W3" s="2"/>
      <c r="X3" s="2"/>
      <c r="Y3" s="2"/>
      <c r="Z3" s="2"/>
      <c r="AA3" s="2"/>
      <c r="AB3" s="2"/>
      <c r="AC3" s="2"/>
      <c r="AD3" s="2"/>
      <c r="AE3" s="2"/>
      <c r="AF3" s="2"/>
      <c r="AG3" s="2"/>
      <c r="AH3" s="2"/>
      <c r="AI3" s="2"/>
      <c r="AJ3" s="2"/>
      <c r="AK3" s="2"/>
      <c r="AL3" s="2"/>
      <c r="AM3" s="2"/>
      <c r="AN3" s="2"/>
      <c r="AO3" s="2"/>
      <c r="AP3" s="2"/>
      <c r="AQ3" s="2"/>
      <c r="AR3" s="2"/>
      <c r="AS3" s="2"/>
      <c r="AT3" s="2"/>
    </row>
    <row r="4" spans="1:46" s="3" customFormat="1" ht="13.5" customHeight="1" x14ac:dyDescent="0.15">
      <c r="A4" s="3">
        <v>3</v>
      </c>
      <c r="B4" s="30" t="s">
        <v>613</v>
      </c>
      <c r="C4" s="27" t="s">
        <v>986</v>
      </c>
      <c r="D4" s="31">
        <v>3210</v>
      </c>
      <c r="E4" s="32" t="s">
        <v>2100</v>
      </c>
      <c r="F4" s="32" t="s">
        <v>1945</v>
      </c>
      <c r="G4" s="27">
        <v>6</v>
      </c>
    </row>
    <row r="5" spans="1:46" s="3" customFormat="1" ht="13.5" customHeight="1" x14ac:dyDescent="0.15">
      <c r="A5" s="3">
        <v>4</v>
      </c>
      <c r="B5" s="30" t="s">
        <v>613</v>
      </c>
      <c r="C5" s="27" t="s">
        <v>986</v>
      </c>
      <c r="D5" s="31">
        <v>3390</v>
      </c>
      <c r="E5" s="32" t="s">
        <v>234</v>
      </c>
      <c r="F5" s="32" t="s">
        <v>2112</v>
      </c>
      <c r="G5" s="27">
        <v>6</v>
      </c>
    </row>
    <row r="6" spans="1:46" s="3" customFormat="1" ht="13.5" customHeight="1" x14ac:dyDescent="0.15">
      <c r="A6" s="3">
        <v>5</v>
      </c>
      <c r="B6" s="30" t="s">
        <v>613</v>
      </c>
      <c r="C6" s="27" t="s">
        <v>986</v>
      </c>
      <c r="D6" s="31">
        <v>3430</v>
      </c>
      <c r="E6" s="32" t="s">
        <v>1172</v>
      </c>
      <c r="F6" s="32" t="s">
        <v>783</v>
      </c>
      <c r="G6" s="27">
        <v>5</v>
      </c>
    </row>
    <row r="7" spans="1:46" s="3" customFormat="1" ht="13.5" customHeight="1" x14ac:dyDescent="0.15">
      <c r="A7" s="3">
        <v>6</v>
      </c>
      <c r="B7" s="30" t="s">
        <v>613</v>
      </c>
      <c r="C7" s="27" t="s">
        <v>986</v>
      </c>
      <c r="D7" s="31">
        <v>3440</v>
      </c>
      <c r="E7" s="32" t="s">
        <v>1173</v>
      </c>
      <c r="F7" s="32" t="s">
        <v>900</v>
      </c>
      <c r="G7" s="27">
        <v>6</v>
      </c>
    </row>
    <row r="8" spans="1:46" s="3" customFormat="1" ht="13.5" customHeight="1" x14ac:dyDescent="0.15">
      <c r="A8" s="3">
        <v>7</v>
      </c>
      <c r="B8" s="30" t="s">
        <v>613</v>
      </c>
      <c r="C8" s="27" t="s">
        <v>986</v>
      </c>
      <c r="D8" s="31">
        <v>3530</v>
      </c>
      <c r="E8" s="32" t="s">
        <v>2081</v>
      </c>
      <c r="F8" s="32" t="s">
        <v>694</v>
      </c>
      <c r="G8" s="27">
        <v>12</v>
      </c>
    </row>
    <row r="9" spans="1:46" s="3" customFormat="1" ht="13.5" customHeight="1" x14ac:dyDescent="0.15">
      <c r="A9" s="3">
        <v>8</v>
      </c>
      <c r="B9" s="30" t="s">
        <v>613</v>
      </c>
      <c r="C9" s="27" t="s">
        <v>986</v>
      </c>
      <c r="D9" s="31">
        <v>4020</v>
      </c>
      <c r="E9" s="32" t="s">
        <v>974</v>
      </c>
      <c r="F9" s="32" t="s">
        <v>1018</v>
      </c>
      <c r="G9" s="27">
        <v>6</v>
      </c>
    </row>
    <row r="10" spans="1:46" s="3" customFormat="1" ht="13.5" customHeight="1" x14ac:dyDescent="0.15">
      <c r="A10" s="3">
        <v>9</v>
      </c>
      <c r="B10" s="30" t="s">
        <v>613</v>
      </c>
      <c r="C10" s="27" t="s">
        <v>986</v>
      </c>
      <c r="D10" s="31">
        <v>4180</v>
      </c>
      <c r="E10" s="32" t="s">
        <v>2579</v>
      </c>
      <c r="F10" s="32" t="s">
        <v>1958</v>
      </c>
      <c r="G10" s="27">
        <v>12</v>
      </c>
    </row>
    <row r="11" spans="1:46" s="3" customFormat="1" ht="13.5" customHeight="1" x14ac:dyDescent="0.15">
      <c r="A11" s="3">
        <v>10</v>
      </c>
      <c r="B11" s="30" t="s">
        <v>613</v>
      </c>
      <c r="C11" s="27" t="s">
        <v>986</v>
      </c>
      <c r="D11" s="31">
        <v>5450</v>
      </c>
      <c r="E11" s="32" t="s">
        <v>499</v>
      </c>
      <c r="F11" s="32" t="s">
        <v>1751</v>
      </c>
      <c r="G11" s="27">
        <v>3</v>
      </c>
    </row>
    <row r="12" spans="1:46" s="3" customFormat="1" ht="13.5" customHeight="1" x14ac:dyDescent="0.15">
      <c r="A12" s="3">
        <v>11</v>
      </c>
      <c r="B12" s="30" t="s">
        <v>613</v>
      </c>
      <c r="C12" s="27" t="s">
        <v>986</v>
      </c>
      <c r="D12" s="31">
        <v>5490</v>
      </c>
      <c r="E12" s="32" t="s">
        <v>1256</v>
      </c>
      <c r="F12" s="32" t="s">
        <v>1016</v>
      </c>
      <c r="G12" s="27">
        <v>6</v>
      </c>
    </row>
    <row r="13" spans="1:46" s="3" customFormat="1" ht="13.5" customHeight="1" x14ac:dyDescent="0.15">
      <c r="A13" s="3">
        <v>12</v>
      </c>
      <c r="B13" s="30" t="s">
        <v>613</v>
      </c>
      <c r="C13" s="27" t="s">
        <v>986</v>
      </c>
      <c r="D13" s="31">
        <v>6080</v>
      </c>
      <c r="E13" s="32" t="s">
        <v>700</v>
      </c>
      <c r="F13" s="32" t="s">
        <v>632</v>
      </c>
      <c r="G13" s="27">
        <v>12</v>
      </c>
    </row>
    <row r="14" spans="1:46" s="3" customFormat="1" ht="13.5" customHeight="1" x14ac:dyDescent="0.15">
      <c r="A14" s="3">
        <v>13</v>
      </c>
      <c r="B14" s="30" t="s">
        <v>613</v>
      </c>
      <c r="C14" s="27" t="s">
        <v>986</v>
      </c>
      <c r="D14" s="31">
        <v>8560</v>
      </c>
      <c r="E14" s="32" t="s">
        <v>577</v>
      </c>
      <c r="F14" s="32" t="s">
        <v>1115</v>
      </c>
      <c r="G14" s="27">
        <v>6</v>
      </c>
    </row>
    <row r="15" spans="1:46" s="3" customFormat="1" ht="12" x14ac:dyDescent="0.15">
      <c r="A15" s="3">
        <v>14</v>
      </c>
      <c r="B15" s="30" t="s">
        <v>613</v>
      </c>
      <c r="C15" s="27" t="s">
        <v>986</v>
      </c>
      <c r="D15" s="31">
        <v>8640</v>
      </c>
      <c r="E15" s="32" t="s">
        <v>3599</v>
      </c>
      <c r="F15" s="32" t="s">
        <v>631</v>
      </c>
      <c r="G15" s="27">
        <v>12</v>
      </c>
    </row>
    <row r="16" spans="1:46" s="3" customFormat="1" ht="13.5" customHeight="1" x14ac:dyDescent="0.15">
      <c r="A16" s="3">
        <v>15</v>
      </c>
      <c r="B16" s="30" t="s">
        <v>613</v>
      </c>
      <c r="C16" s="27" t="s">
        <v>986</v>
      </c>
      <c r="D16" s="31">
        <v>8740</v>
      </c>
      <c r="E16" s="32" t="s">
        <v>2427</v>
      </c>
      <c r="F16" s="32" t="s">
        <v>2207</v>
      </c>
      <c r="G16" s="27">
        <v>1</v>
      </c>
    </row>
    <row r="17" spans="1:7" s="3" customFormat="1" ht="13.5" customHeight="1" x14ac:dyDescent="0.15">
      <c r="A17" s="3">
        <v>16</v>
      </c>
      <c r="B17" s="30" t="s">
        <v>613</v>
      </c>
      <c r="C17" s="27" t="s">
        <v>986</v>
      </c>
      <c r="D17" s="31">
        <v>9190</v>
      </c>
      <c r="E17" s="32" t="s">
        <v>964</v>
      </c>
      <c r="F17" s="32" t="s">
        <v>199</v>
      </c>
      <c r="G17" s="27">
        <v>12</v>
      </c>
    </row>
    <row r="18" spans="1:7" s="3" customFormat="1" ht="13.5" customHeight="1" x14ac:dyDescent="0.15">
      <c r="A18" s="3">
        <v>17</v>
      </c>
      <c r="B18" s="30" t="s">
        <v>613</v>
      </c>
      <c r="C18" s="27" t="s">
        <v>986</v>
      </c>
      <c r="D18" s="31">
        <v>10140</v>
      </c>
      <c r="E18" s="32" t="s">
        <v>1798</v>
      </c>
      <c r="F18" s="32" t="s">
        <v>507</v>
      </c>
      <c r="G18" s="27">
        <v>6</v>
      </c>
    </row>
    <row r="19" spans="1:7" s="3" customFormat="1" ht="13.5" customHeight="1" x14ac:dyDescent="0.15">
      <c r="A19" s="3">
        <v>18</v>
      </c>
      <c r="B19" s="30" t="s">
        <v>613</v>
      </c>
      <c r="C19" s="27" t="s">
        <v>986</v>
      </c>
      <c r="D19" s="31">
        <v>11070</v>
      </c>
      <c r="E19" s="32" t="s">
        <v>1487</v>
      </c>
      <c r="F19" s="32" t="s">
        <v>68</v>
      </c>
      <c r="G19" s="27">
        <v>6</v>
      </c>
    </row>
    <row r="20" spans="1:7" s="3" customFormat="1" ht="13.5" customHeight="1" x14ac:dyDescent="0.15">
      <c r="A20" s="3">
        <v>19</v>
      </c>
      <c r="B20" s="30" t="s">
        <v>613</v>
      </c>
      <c r="C20" s="27" t="s">
        <v>986</v>
      </c>
      <c r="D20" s="31">
        <v>11450</v>
      </c>
      <c r="E20" s="32" t="s">
        <v>1822</v>
      </c>
      <c r="F20" s="32" t="s">
        <v>2361</v>
      </c>
      <c r="G20" s="27">
        <v>6</v>
      </c>
    </row>
    <row r="21" spans="1:7" s="3" customFormat="1" ht="13.5" customHeight="1" x14ac:dyDescent="0.15">
      <c r="A21" s="3">
        <v>20</v>
      </c>
      <c r="B21" s="30" t="s">
        <v>613</v>
      </c>
      <c r="C21" s="27" t="s">
        <v>986</v>
      </c>
      <c r="D21" s="31">
        <v>11770</v>
      </c>
      <c r="E21" s="32" t="s">
        <v>1871</v>
      </c>
      <c r="F21" s="32" t="s">
        <v>1019</v>
      </c>
      <c r="G21" s="27">
        <v>11</v>
      </c>
    </row>
    <row r="22" spans="1:7" s="3" customFormat="1" ht="13.5" customHeight="1" x14ac:dyDescent="0.15">
      <c r="A22" s="3">
        <v>21</v>
      </c>
      <c r="B22" s="30" t="s">
        <v>613</v>
      </c>
      <c r="C22" s="27" t="s">
        <v>986</v>
      </c>
      <c r="D22" s="31">
        <v>11900</v>
      </c>
      <c r="E22" s="32" t="s">
        <v>902</v>
      </c>
      <c r="F22" s="32" t="s">
        <v>1020</v>
      </c>
      <c r="G22" s="27">
        <v>12</v>
      </c>
    </row>
    <row r="23" spans="1:7" s="3" customFormat="1" ht="13.5" customHeight="1" x14ac:dyDescent="0.15">
      <c r="A23" s="3">
        <v>22</v>
      </c>
      <c r="B23" s="30" t="s">
        <v>613</v>
      </c>
      <c r="C23" s="27" t="s">
        <v>986</v>
      </c>
      <c r="D23" s="31">
        <v>12550</v>
      </c>
      <c r="E23" s="32" t="s">
        <v>1328</v>
      </c>
      <c r="F23" s="32" t="s">
        <v>543</v>
      </c>
      <c r="G23" s="27">
        <v>9</v>
      </c>
    </row>
    <row r="24" spans="1:7" s="3" customFormat="1" ht="13.5" customHeight="1" x14ac:dyDescent="0.15">
      <c r="A24" s="3">
        <v>23</v>
      </c>
      <c r="B24" s="30" t="s">
        <v>613</v>
      </c>
      <c r="C24" s="27" t="s">
        <v>986</v>
      </c>
      <c r="D24" s="31">
        <v>12740</v>
      </c>
      <c r="E24" s="32" t="s">
        <v>1332</v>
      </c>
      <c r="F24" s="32" t="s">
        <v>67</v>
      </c>
      <c r="G24" s="27">
        <v>12</v>
      </c>
    </row>
    <row r="25" spans="1:7" s="3" customFormat="1" ht="13.5" customHeight="1" x14ac:dyDescent="0.15">
      <c r="A25" s="3">
        <v>24</v>
      </c>
      <c r="B25" s="30" t="s">
        <v>613</v>
      </c>
      <c r="C25" s="27" t="s">
        <v>986</v>
      </c>
      <c r="D25" s="31">
        <v>12760</v>
      </c>
      <c r="E25" s="32" t="s">
        <v>1047</v>
      </c>
      <c r="F25" s="32" t="s">
        <v>327</v>
      </c>
      <c r="G25" s="27">
        <v>6</v>
      </c>
    </row>
    <row r="26" spans="1:7" s="3" customFormat="1" ht="13.5" customHeight="1" x14ac:dyDescent="0.15">
      <c r="A26" s="3">
        <v>25</v>
      </c>
      <c r="B26" s="30" t="s">
        <v>613</v>
      </c>
      <c r="C26" s="27" t="s">
        <v>986</v>
      </c>
      <c r="D26" s="31">
        <v>12830</v>
      </c>
      <c r="E26" s="32" t="s">
        <v>532</v>
      </c>
      <c r="F26" s="32" t="s">
        <v>1015</v>
      </c>
      <c r="G26" s="27">
        <v>6</v>
      </c>
    </row>
    <row r="27" spans="1:7" s="3" customFormat="1" ht="13.5" customHeight="1" x14ac:dyDescent="0.15">
      <c r="A27" s="3">
        <v>26</v>
      </c>
      <c r="B27" s="30" t="s">
        <v>613</v>
      </c>
      <c r="C27" s="27" t="s">
        <v>986</v>
      </c>
      <c r="D27" s="31">
        <v>12920</v>
      </c>
      <c r="E27" s="32" t="s">
        <v>2448</v>
      </c>
      <c r="F27" s="32" t="s">
        <v>2191</v>
      </c>
      <c r="G27" s="27">
        <v>6</v>
      </c>
    </row>
    <row r="28" spans="1:7" s="3" customFormat="1" ht="13.5" customHeight="1" x14ac:dyDescent="0.15">
      <c r="A28" s="3">
        <v>27</v>
      </c>
      <c r="B28" s="30" t="s">
        <v>613</v>
      </c>
      <c r="C28" s="27" t="s">
        <v>3432</v>
      </c>
      <c r="D28" s="31">
        <v>13570</v>
      </c>
      <c r="E28" s="32" t="s">
        <v>477</v>
      </c>
      <c r="F28" s="32" t="s">
        <v>3433</v>
      </c>
      <c r="G28" s="27">
        <v>12</v>
      </c>
    </row>
    <row r="29" spans="1:7" s="3" customFormat="1" ht="13.5" customHeight="1" x14ac:dyDescent="0.15">
      <c r="A29" s="3">
        <v>28</v>
      </c>
      <c r="B29" s="30" t="s">
        <v>613</v>
      </c>
      <c r="C29" s="27" t="s">
        <v>986</v>
      </c>
      <c r="D29" s="31">
        <v>13760</v>
      </c>
      <c r="E29" s="32" t="s">
        <v>1492</v>
      </c>
      <c r="F29" s="32" t="s">
        <v>1752</v>
      </c>
      <c r="G29" s="27">
        <v>6</v>
      </c>
    </row>
    <row r="30" spans="1:7" s="3" customFormat="1" ht="13.5" customHeight="1" x14ac:dyDescent="0.15">
      <c r="A30" s="3">
        <v>29</v>
      </c>
      <c r="B30" s="30" t="s">
        <v>613</v>
      </c>
      <c r="C30" s="27" t="s">
        <v>986</v>
      </c>
      <c r="D30" s="31">
        <v>14100</v>
      </c>
      <c r="E30" s="32" t="s">
        <v>740</v>
      </c>
      <c r="F30" s="32" t="s">
        <v>2623</v>
      </c>
      <c r="G30" s="27">
        <v>7</v>
      </c>
    </row>
    <row r="31" spans="1:7" s="3" customFormat="1" ht="13.5" customHeight="1" x14ac:dyDescent="0.15">
      <c r="A31" s="3">
        <v>30</v>
      </c>
      <c r="B31" s="30" t="s">
        <v>613</v>
      </c>
      <c r="C31" s="27" t="s">
        <v>986</v>
      </c>
      <c r="D31" s="31">
        <v>14550</v>
      </c>
      <c r="E31" s="32" t="s">
        <v>484</v>
      </c>
      <c r="F31" s="32" t="s">
        <v>630</v>
      </c>
      <c r="G31" s="27">
        <v>12</v>
      </c>
    </row>
    <row r="32" spans="1:7" s="3" customFormat="1" ht="13.5" customHeight="1" x14ac:dyDescent="0.15">
      <c r="A32" s="3">
        <v>31</v>
      </c>
      <c r="B32" s="30" t="s">
        <v>613</v>
      </c>
      <c r="C32" s="27" t="s">
        <v>986</v>
      </c>
      <c r="D32" s="31">
        <v>14900</v>
      </c>
      <c r="E32" s="32" t="s">
        <v>5</v>
      </c>
      <c r="F32" s="32" t="s">
        <v>2200</v>
      </c>
      <c r="G32" s="27">
        <v>6</v>
      </c>
    </row>
    <row r="33" spans="1:7" s="3" customFormat="1" ht="13.5" customHeight="1" x14ac:dyDescent="0.15">
      <c r="A33" s="3">
        <v>32</v>
      </c>
      <c r="B33" s="30" t="s">
        <v>613</v>
      </c>
      <c r="C33" s="27" t="s">
        <v>986</v>
      </c>
      <c r="D33" s="31">
        <v>15340</v>
      </c>
      <c r="E33" s="32" t="s">
        <v>1122</v>
      </c>
      <c r="F33" s="32" t="s">
        <v>1841</v>
      </c>
      <c r="G33" s="27">
        <v>3</v>
      </c>
    </row>
    <row r="34" spans="1:7" s="3" customFormat="1" ht="13.5" customHeight="1" x14ac:dyDescent="0.15">
      <c r="A34" s="3">
        <v>33</v>
      </c>
      <c r="B34" s="30" t="s">
        <v>613</v>
      </c>
      <c r="C34" s="27" t="s">
        <v>986</v>
      </c>
      <c r="D34" s="31">
        <v>16910</v>
      </c>
      <c r="E34" s="32" t="s">
        <v>565</v>
      </c>
      <c r="F34" s="32" t="s">
        <v>2040</v>
      </c>
      <c r="G34" s="27">
        <v>12</v>
      </c>
    </row>
    <row r="35" spans="1:7" s="3" customFormat="1" ht="13.5" customHeight="1" x14ac:dyDescent="0.15">
      <c r="A35" s="3">
        <v>34</v>
      </c>
      <c r="B35" s="30" t="s">
        <v>613</v>
      </c>
      <c r="C35" s="27" t="s">
        <v>986</v>
      </c>
      <c r="D35" s="31">
        <v>18960</v>
      </c>
      <c r="E35" s="32" t="s">
        <v>496</v>
      </c>
      <c r="F35" s="32" t="s">
        <v>1017</v>
      </c>
      <c r="G35" s="27">
        <v>7</v>
      </c>
    </row>
    <row r="36" spans="1:7" s="3" customFormat="1" ht="13.5" customHeight="1" x14ac:dyDescent="0.15">
      <c r="A36" s="3">
        <v>35</v>
      </c>
      <c r="B36" s="30" t="s">
        <v>613</v>
      </c>
      <c r="C36" s="27" t="s">
        <v>986</v>
      </c>
      <c r="D36" s="31">
        <v>19300</v>
      </c>
      <c r="E36" s="32" t="s">
        <v>127</v>
      </c>
      <c r="F36" s="32" t="s">
        <v>900</v>
      </c>
      <c r="G36" s="27">
        <v>12</v>
      </c>
    </row>
    <row r="37" spans="1:7" s="3" customFormat="1" ht="13.5" customHeight="1" x14ac:dyDescent="0.15">
      <c r="A37" s="3">
        <v>36</v>
      </c>
      <c r="B37" s="30" t="s">
        <v>613</v>
      </c>
      <c r="C37" s="27" t="s">
        <v>986</v>
      </c>
      <c r="D37" s="31">
        <v>20780</v>
      </c>
      <c r="E37" s="32" t="s">
        <v>2099</v>
      </c>
      <c r="F37" s="32" t="s">
        <v>507</v>
      </c>
      <c r="G37" s="27">
        <v>6</v>
      </c>
    </row>
    <row r="38" spans="1:7" s="3" customFormat="1" ht="13.5" customHeight="1" x14ac:dyDescent="0.15">
      <c r="A38" s="3">
        <v>37</v>
      </c>
      <c r="B38" s="30" t="s">
        <v>613</v>
      </c>
      <c r="C38" s="27" t="s">
        <v>986</v>
      </c>
      <c r="D38" s="31">
        <v>21420</v>
      </c>
      <c r="E38" s="32" t="s">
        <v>459</v>
      </c>
      <c r="F38" s="32" t="s">
        <v>2208</v>
      </c>
      <c r="G38" s="27">
        <v>7</v>
      </c>
    </row>
    <row r="39" spans="1:7" s="3" customFormat="1" ht="13.5" customHeight="1" x14ac:dyDescent="0.15">
      <c r="A39" s="3">
        <v>38</v>
      </c>
      <c r="B39" s="30" t="s">
        <v>613</v>
      </c>
      <c r="C39" s="27" t="s">
        <v>986</v>
      </c>
      <c r="D39" s="31">
        <v>21510</v>
      </c>
      <c r="E39" s="32" t="s">
        <v>1475</v>
      </c>
      <c r="F39" s="32" t="s">
        <v>1813</v>
      </c>
      <c r="G39" s="27">
        <v>12</v>
      </c>
    </row>
    <row r="40" spans="1:7" s="3" customFormat="1" ht="13.5" customHeight="1" x14ac:dyDescent="0.15">
      <c r="A40" s="3">
        <v>39</v>
      </c>
      <c r="B40" s="30" t="s">
        <v>613</v>
      </c>
      <c r="C40" s="27" t="s">
        <v>986</v>
      </c>
      <c r="D40" s="31">
        <v>21750</v>
      </c>
      <c r="E40" s="32" t="s">
        <v>2031</v>
      </c>
      <c r="F40" s="32" t="s">
        <v>2206</v>
      </c>
      <c r="G40" s="27">
        <v>6</v>
      </c>
    </row>
    <row r="41" spans="1:7" s="3" customFormat="1" ht="13.5" customHeight="1" x14ac:dyDescent="0.15">
      <c r="A41" s="3">
        <v>40</v>
      </c>
      <c r="B41" s="30" t="s">
        <v>613</v>
      </c>
      <c r="C41" s="27" t="s">
        <v>986</v>
      </c>
      <c r="D41" s="31">
        <v>22470</v>
      </c>
      <c r="E41" s="32" t="s">
        <v>2934</v>
      </c>
      <c r="F41" s="32" t="s">
        <v>506</v>
      </c>
      <c r="G41" s="27">
        <v>12</v>
      </c>
    </row>
    <row r="42" spans="1:7" s="3" customFormat="1" ht="13.5" customHeight="1" x14ac:dyDescent="0.15">
      <c r="A42" s="3">
        <v>41</v>
      </c>
      <c r="B42" s="30" t="s">
        <v>613</v>
      </c>
      <c r="C42" s="27" t="s">
        <v>986</v>
      </c>
      <c r="D42" s="31">
        <v>24170</v>
      </c>
      <c r="E42" s="32" t="s">
        <v>563</v>
      </c>
      <c r="F42" s="32" t="s">
        <v>1754</v>
      </c>
      <c r="G42" s="27">
        <v>2</v>
      </c>
    </row>
    <row r="43" spans="1:7" s="3" customFormat="1" ht="13.5" customHeight="1" x14ac:dyDescent="0.15">
      <c r="A43" s="3">
        <v>42</v>
      </c>
      <c r="B43" s="30" t="s">
        <v>613</v>
      </c>
      <c r="C43" s="27" t="s">
        <v>986</v>
      </c>
      <c r="D43" s="31">
        <v>25080</v>
      </c>
      <c r="E43" s="32" t="s">
        <v>345</v>
      </c>
      <c r="F43" s="32" t="s">
        <v>1750</v>
      </c>
      <c r="G43" s="27">
        <v>12</v>
      </c>
    </row>
    <row r="44" spans="1:7" s="3" customFormat="1" ht="13.5" customHeight="1" x14ac:dyDescent="0.15">
      <c r="A44" s="3">
        <v>43</v>
      </c>
      <c r="B44" s="30" t="s">
        <v>613</v>
      </c>
      <c r="C44" s="27" t="s">
        <v>986</v>
      </c>
      <c r="D44" s="31">
        <v>26660</v>
      </c>
      <c r="E44" s="32" t="s">
        <v>946</v>
      </c>
      <c r="F44" s="32" t="s">
        <v>2193</v>
      </c>
      <c r="G44" s="27">
        <v>8</v>
      </c>
    </row>
    <row r="45" spans="1:7" s="3" customFormat="1" ht="13.5" customHeight="1" x14ac:dyDescent="0.15">
      <c r="A45" s="3">
        <v>44</v>
      </c>
      <c r="B45" s="30" t="s">
        <v>613</v>
      </c>
      <c r="C45" s="27" t="s">
        <v>986</v>
      </c>
      <c r="D45" s="31">
        <v>27820</v>
      </c>
      <c r="E45" s="32" t="s">
        <v>1690</v>
      </c>
      <c r="F45" s="32" t="s">
        <v>1753</v>
      </c>
      <c r="G45" s="27">
        <v>6</v>
      </c>
    </row>
    <row r="46" spans="1:7" s="3" customFormat="1" ht="13.5" customHeight="1" x14ac:dyDescent="0.15">
      <c r="A46" s="3">
        <v>45</v>
      </c>
      <c r="B46" s="30" t="s">
        <v>613</v>
      </c>
      <c r="C46" s="27" t="s">
        <v>986</v>
      </c>
      <c r="D46" s="31">
        <v>28120</v>
      </c>
      <c r="E46" s="32" t="s">
        <v>932</v>
      </c>
      <c r="F46" s="32" t="s">
        <v>2624</v>
      </c>
      <c r="G46" s="27">
        <v>8</v>
      </c>
    </row>
    <row r="47" spans="1:7" s="3" customFormat="1" ht="13.5" customHeight="1" x14ac:dyDescent="0.15">
      <c r="A47" s="3">
        <v>46</v>
      </c>
      <c r="B47" s="30" t="s">
        <v>613</v>
      </c>
      <c r="C47" s="27" t="s">
        <v>1271</v>
      </c>
      <c r="D47" s="31">
        <v>29550</v>
      </c>
      <c r="E47" s="32" t="s">
        <v>949</v>
      </c>
      <c r="F47" s="32" t="s">
        <v>3357</v>
      </c>
      <c r="G47" s="27">
        <v>5</v>
      </c>
    </row>
    <row r="48" spans="1:7" s="3" customFormat="1" ht="13.5" customHeight="1" x14ac:dyDescent="0.15">
      <c r="A48" s="3">
        <v>47</v>
      </c>
      <c r="B48" s="30" t="s">
        <v>613</v>
      </c>
      <c r="C48" s="27" t="s">
        <v>986</v>
      </c>
      <c r="D48" s="31">
        <v>29590</v>
      </c>
      <c r="E48" s="32" t="s">
        <v>86</v>
      </c>
      <c r="F48" s="32" t="s">
        <v>1958</v>
      </c>
      <c r="G48" s="27">
        <v>6</v>
      </c>
    </row>
    <row r="49" spans="1:46" s="3" customFormat="1" ht="13.5" customHeight="1" x14ac:dyDescent="0.15">
      <c r="A49" s="3">
        <v>48</v>
      </c>
      <c r="B49" s="30" t="s">
        <v>613</v>
      </c>
      <c r="C49" s="27" t="s">
        <v>986</v>
      </c>
      <c r="D49" s="31">
        <v>29610</v>
      </c>
      <c r="E49" s="32" t="s">
        <v>1186</v>
      </c>
      <c r="F49" s="32" t="s">
        <v>1812</v>
      </c>
      <c r="G49" s="27">
        <v>6</v>
      </c>
    </row>
    <row r="50" spans="1:46" s="3" customFormat="1" ht="13.5" customHeight="1" x14ac:dyDescent="0.15">
      <c r="A50" s="3">
        <v>49</v>
      </c>
      <c r="B50" s="30" t="s">
        <v>613</v>
      </c>
      <c r="C50" s="27" t="s">
        <v>986</v>
      </c>
      <c r="D50" s="31">
        <v>29620</v>
      </c>
      <c r="E50" s="32" t="s">
        <v>453</v>
      </c>
      <c r="F50" s="32" t="s">
        <v>904</v>
      </c>
      <c r="G50" s="27">
        <v>3</v>
      </c>
    </row>
    <row r="51" spans="1:46" s="3" customFormat="1" ht="13.5" customHeight="1" x14ac:dyDescent="0.15">
      <c r="A51" s="3">
        <v>50</v>
      </c>
      <c r="B51" s="30" t="s">
        <v>613</v>
      </c>
      <c r="C51" s="27" t="s">
        <v>986</v>
      </c>
      <c r="D51" s="31">
        <v>29640</v>
      </c>
      <c r="E51" s="32" t="s">
        <v>2625</v>
      </c>
      <c r="F51" s="32" t="s">
        <v>1957</v>
      </c>
      <c r="G51" s="27">
        <v>4</v>
      </c>
      <c r="H51" s="2"/>
      <c r="I51" s="2"/>
      <c r="J51" s="2"/>
      <c r="K51" s="2"/>
      <c r="L51" s="2"/>
      <c r="M51" s="2"/>
      <c r="N51" s="2"/>
      <c r="O51" s="2"/>
      <c r="P51" s="2"/>
      <c r="Q51" s="2"/>
      <c r="R51" s="2"/>
      <c r="S51" s="2"/>
      <c r="T51" s="2"/>
      <c r="U51" s="2"/>
      <c r="V51" s="2"/>
      <c r="W51" s="2"/>
      <c r="X51" s="2"/>
      <c r="Y51" s="2"/>
      <c r="Z51" s="2"/>
      <c r="AA51" s="2"/>
      <c r="AB51" s="2"/>
      <c r="AC51" s="2"/>
      <c r="AD51" s="2"/>
      <c r="AE51" s="2"/>
      <c r="AF51" s="2"/>
      <c r="AG51" s="2"/>
      <c r="AH51" s="2"/>
      <c r="AI51" s="2"/>
      <c r="AJ51" s="2"/>
      <c r="AK51" s="2"/>
      <c r="AL51" s="2"/>
      <c r="AM51" s="2"/>
      <c r="AN51" s="2"/>
      <c r="AO51" s="2"/>
      <c r="AP51" s="2"/>
      <c r="AQ51" s="2"/>
      <c r="AR51" s="2"/>
      <c r="AS51" s="2"/>
      <c r="AT51" s="2"/>
    </row>
    <row r="52" spans="1:46" s="3" customFormat="1" ht="13.5" customHeight="1" x14ac:dyDescent="0.15">
      <c r="A52" s="3">
        <v>51</v>
      </c>
      <c r="B52" s="30" t="s">
        <v>613</v>
      </c>
      <c r="C52" s="27" t="s">
        <v>986</v>
      </c>
      <c r="D52" s="31">
        <v>29650</v>
      </c>
      <c r="E52" s="32" t="s">
        <v>2431</v>
      </c>
      <c r="F52" s="32" t="s">
        <v>265</v>
      </c>
      <c r="G52" s="27">
        <v>5</v>
      </c>
    </row>
    <row r="53" spans="1:46" s="3" customFormat="1" ht="13.5" customHeight="1" x14ac:dyDescent="0.15">
      <c r="A53" s="3">
        <v>52</v>
      </c>
      <c r="B53" s="30" t="s">
        <v>613</v>
      </c>
      <c r="C53" s="27" t="s">
        <v>222</v>
      </c>
      <c r="D53" s="31">
        <v>29760</v>
      </c>
      <c r="E53" s="32" t="s">
        <v>1103</v>
      </c>
      <c r="F53" s="32" t="s">
        <v>993</v>
      </c>
      <c r="G53" s="27">
        <v>3</v>
      </c>
    </row>
    <row r="54" spans="1:46" s="3" customFormat="1" ht="13.5" customHeight="1" x14ac:dyDescent="0.15">
      <c r="A54" s="3">
        <v>53</v>
      </c>
      <c r="B54" s="30" t="s">
        <v>613</v>
      </c>
      <c r="C54" s="27" t="s">
        <v>986</v>
      </c>
      <c r="D54" s="31">
        <v>29790</v>
      </c>
      <c r="E54" s="29" t="s">
        <v>1443</v>
      </c>
      <c r="F54" s="32" t="s">
        <v>1426</v>
      </c>
      <c r="G54" s="27">
        <v>3</v>
      </c>
    </row>
    <row r="55" spans="1:46" s="3" customFormat="1" ht="13.5" customHeight="1" x14ac:dyDescent="0.15">
      <c r="A55" s="3">
        <v>54</v>
      </c>
      <c r="B55" s="30" t="s">
        <v>613</v>
      </c>
      <c r="C55" s="27" t="s">
        <v>222</v>
      </c>
      <c r="D55" s="31">
        <v>29920</v>
      </c>
      <c r="E55" s="32" t="s">
        <v>512</v>
      </c>
      <c r="F55" s="32" t="s">
        <v>1992</v>
      </c>
      <c r="G55" s="27">
        <v>3</v>
      </c>
    </row>
    <row r="56" spans="1:46" s="3" customFormat="1" ht="13.5" customHeight="1" x14ac:dyDescent="0.15">
      <c r="A56" s="3">
        <v>55</v>
      </c>
      <c r="B56" s="30" t="s">
        <v>613</v>
      </c>
      <c r="C56" s="27" t="s">
        <v>222</v>
      </c>
      <c r="D56" s="31">
        <v>33540</v>
      </c>
      <c r="E56" s="32" t="s">
        <v>2869</v>
      </c>
      <c r="F56" s="32" t="s">
        <v>2870</v>
      </c>
      <c r="G56" s="27">
        <v>12</v>
      </c>
    </row>
    <row r="57" spans="1:46" s="3" customFormat="1" ht="13.5" customHeight="1" x14ac:dyDescent="0.15">
      <c r="A57" s="3">
        <v>56</v>
      </c>
      <c r="B57" s="30" t="s">
        <v>613</v>
      </c>
      <c r="C57" s="27" t="s">
        <v>986</v>
      </c>
      <c r="D57" s="31">
        <v>33560</v>
      </c>
      <c r="E57" s="32" t="s">
        <v>578</v>
      </c>
      <c r="F57" s="32" t="s">
        <v>2560</v>
      </c>
      <c r="G57" s="27">
        <v>12</v>
      </c>
    </row>
    <row r="58" spans="1:46" s="3" customFormat="1" ht="13.5" customHeight="1" x14ac:dyDescent="0.15">
      <c r="A58" s="3">
        <v>57</v>
      </c>
      <c r="B58" s="30" t="s">
        <v>613</v>
      </c>
      <c r="C58" s="27" t="s">
        <v>222</v>
      </c>
      <c r="D58" s="31">
        <v>34020</v>
      </c>
      <c r="E58" s="32" t="s">
        <v>1148</v>
      </c>
      <c r="F58" s="32" t="s">
        <v>2196</v>
      </c>
      <c r="G58" s="27">
        <v>12</v>
      </c>
    </row>
    <row r="59" spans="1:46" s="3" customFormat="1" ht="13.5" customHeight="1" x14ac:dyDescent="0.15">
      <c r="A59" s="3">
        <v>58</v>
      </c>
      <c r="B59" s="30" t="s">
        <v>613</v>
      </c>
      <c r="C59" s="27" t="s">
        <v>986</v>
      </c>
      <c r="D59" s="31">
        <v>34190</v>
      </c>
      <c r="E59" s="32" t="s">
        <v>393</v>
      </c>
      <c r="F59" s="32" t="s">
        <v>2111</v>
      </c>
      <c r="G59" s="27">
        <v>3</v>
      </c>
    </row>
    <row r="60" spans="1:46" s="3" customFormat="1" ht="13.5" customHeight="1" x14ac:dyDescent="0.15">
      <c r="A60" s="3">
        <v>59</v>
      </c>
      <c r="B60" s="30" t="s">
        <v>613</v>
      </c>
      <c r="C60" s="27" t="s">
        <v>986</v>
      </c>
      <c r="D60" s="31">
        <v>34220</v>
      </c>
      <c r="E60" s="32" t="s">
        <v>394</v>
      </c>
      <c r="F60" s="32" t="s">
        <v>2561</v>
      </c>
      <c r="G60" s="27">
        <v>3</v>
      </c>
    </row>
    <row r="61" spans="1:46" s="3" customFormat="1" ht="13.5" customHeight="1" x14ac:dyDescent="0.15">
      <c r="A61" s="3">
        <v>60</v>
      </c>
      <c r="B61" s="30" t="s">
        <v>613</v>
      </c>
      <c r="C61" s="27" t="s">
        <v>986</v>
      </c>
      <c r="D61" s="31">
        <v>34410</v>
      </c>
      <c r="E61" s="32" t="s">
        <v>2430</v>
      </c>
      <c r="F61" s="32" t="s">
        <v>1755</v>
      </c>
      <c r="G61" s="27">
        <v>6</v>
      </c>
    </row>
    <row r="62" spans="1:46" s="3" customFormat="1" ht="13.5" customHeight="1" x14ac:dyDescent="0.15">
      <c r="A62" s="3">
        <v>61</v>
      </c>
      <c r="B62" s="30" t="s">
        <v>613</v>
      </c>
      <c r="C62" s="27" t="s">
        <v>986</v>
      </c>
      <c r="D62" s="31">
        <v>34640</v>
      </c>
      <c r="E62" s="32" t="s">
        <v>1437</v>
      </c>
      <c r="F62" s="32" t="s">
        <v>2728</v>
      </c>
      <c r="G62" s="27">
        <v>6</v>
      </c>
    </row>
    <row r="63" spans="1:46" s="3" customFormat="1" ht="13.5" customHeight="1" x14ac:dyDescent="0.15">
      <c r="A63" s="3">
        <v>62</v>
      </c>
      <c r="B63" s="30" t="s">
        <v>613</v>
      </c>
      <c r="C63" s="27" t="s">
        <v>986</v>
      </c>
      <c r="D63" s="31">
        <v>34650</v>
      </c>
      <c r="E63" s="32" t="s">
        <v>1438</v>
      </c>
      <c r="F63" s="32" t="s">
        <v>1114</v>
      </c>
      <c r="G63" s="27">
        <v>6</v>
      </c>
    </row>
    <row r="64" spans="1:46" s="3" customFormat="1" ht="13.5" customHeight="1" x14ac:dyDescent="0.15">
      <c r="A64" s="3">
        <v>63</v>
      </c>
      <c r="B64" s="30" t="s">
        <v>613</v>
      </c>
      <c r="C64" s="27" t="s">
        <v>986</v>
      </c>
      <c r="D64" s="31">
        <v>34710</v>
      </c>
      <c r="E64" s="32" t="s">
        <v>221</v>
      </c>
      <c r="F64" s="32" t="s">
        <v>2197</v>
      </c>
      <c r="G64" s="27">
        <v>6</v>
      </c>
    </row>
    <row r="65" spans="1:46" s="3" customFormat="1" ht="13.5" customHeight="1" x14ac:dyDescent="0.15">
      <c r="A65" s="3">
        <v>64</v>
      </c>
      <c r="B65" s="30" t="s">
        <v>613</v>
      </c>
      <c r="C65" s="27" t="s">
        <v>222</v>
      </c>
      <c r="D65" s="31">
        <v>35900</v>
      </c>
      <c r="E65" s="32" t="s">
        <v>1716</v>
      </c>
      <c r="F65" s="32" t="s">
        <v>2195</v>
      </c>
      <c r="G65" s="27">
        <v>3</v>
      </c>
    </row>
    <row r="66" spans="1:46" s="3" customFormat="1" ht="13.5" customHeight="1" x14ac:dyDescent="0.15">
      <c r="A66" s="3">
        <v>65</v>
      </c>
      <c r="B66" s="30" t="s">
        <v>613</v>
      </c>
      <c r="C66" s="27" t="s">
        <v>986</v>
      </c>
      <c r="D66" s="31">
        <v>35980</v>
      </c>
      <c r="E66" s="32" t="s">
        <v>385</v>
      </c>
      <c r="F66" s="32" t="s">
        <v>3454</v>
      </c>
      <c r="G66" s="27">
        <v>3</v>
      </c>
    </row>
    <row r="67" spans="1:46" s="3" customFormat="1" ht="13.5" customHeight="1" x14ac:dyDescent="0.15">
      <c r="A67" s="3">
        <v>66</v>
      </c>
      <c r="B67" s="30" t="s">
        <v>613</v>
      </c>
      <c r="C67" s="27" t="s">
        <v>986</v>
      </c>
      <c r="D67" s="31">
        <v>35990</v>
      </c>
      <c r="E67" s="32" t="s">
        <v>279</v>
      </c>
      <c r="F67" s="32" t="s">
        <v>2060</v>
      </c>
      <c r="G67" s="27">
        <v>7</v>
      </c>
    </row>
    <row r="68" spans="1:46" s="3" customFormat="1" ht="13.5" customHeight="1" x14ac:dyDescent="0.15">
      <c r="A68" s="3">
        <v>67</v>
      </c>
      <c r="B68" s="30" t="s">
        <v>613</v>
      </c>
      <c r="C68" s="27" t="s">
        <v>986</v>
      </c>
      <c r="D68" s="31">
        <v>36000</v>
      </c>
      <c r="E68" s="32" t="s">
        <v>280</v>
      </c>
      <c r="F68" s="32" t="s">
        <v>1116</v>
      </c>
      <c r="G68" s="27">
        <v>3</v>
      </c>
    </row>
    <row r="69" spans="1:46" s="3" customFormat="1" ht="13.5" customHeight="1" x14ac:dyDescent="0.15">
      <c r="A69" s="3">
        <v>68</v>
      </c>
      <c r="B69" s="30" t="s">
        <v>613</v>
      </c>
      <c r="C69" s="27" t="s">
        <v>986</v>
      </c>
      <c r="D69" s="31">
        <v>36010</v>
      </c>
      <c r="E69" s="32" t="s">
        <v>976</v>
      </c>
      <c r="F69" s="32" t="s">
        <v>1021</v>
      </c>
      <c r="G69" s="27">
        <v>3</v>
      </c>
    </row>
    <row r="70" spans="1:46" s="3" customFormat="1" ht="13.5" customHeight="1" x14ac:dyDescent="0.15">
      <c r="A70" s="3">
        <v>69</v>
      </c>
      <c r="B70" s="30" t="s">
        <v>613</v>
      </c>
      <c r="C70" s="27" t="s">
        <v>986</v>
      </c>
      <c r="D70" s="31">
        <v>36020</v>
      </c>
      <c r="E70" s="32" t="s">
        <v>1272</v>
      </c>
      <c r="F70" s="32" t="s">
        <v>1946</v>
      </c>
      <c r="G70" s="27">
        <v>7</v>
      </c>
    </row>
    <row r="71" spans="1:46" s="3" customFormat="1" ht="13.5" customHeight="1" x14ac:dyDescent="0.15">
      <c r="A71" s="3">
        <v>70</v>
      </c>
      <c r="B71" s="30" t="s">
        <v>613</v>
      </c>
      <c r="C71" s="27" t="s">
        <v>986</v>
      </c>
      <c r="D71" s="31">
        <v>36040</v>
      </c>
      <c r="E71" s="32" t="s">
        <v>2429</v>
      </c>
      <c r="F71" s="32" t="s">
        <v>630</v>
      </c>
      <c r="G71" s="27">
        <v>6</v>
      </c>
    </row>
    <row r="72" spans="1:46" s="3" customFormat="1" ht="13.5" customHeight="1" x14ac:dyDescent="0.15">
      <c r="A72" s="3">
        <v>71</v>
      </c>
      <c r="B72" s="30" t="s">
        <v>613</v>
      </c>
      <c r="C72" s="27" t="s">
        <v>986</v>
      </c>
      <c r="D72" s="31">
        <v>36050</v>
      </c>
      <c r="E72" s="32" t="s">
        <v>807</v>
      </c>
      <c r="F72" s="32" t="s">
        <v>75</v>
      </c>
      <c r="G72" s="27">
        <v>3</v>
      </c>
    </row>
    <row r="73" spans="1:46" s="3" customFormat="1" ht="13.5" customHeight="1" x14ac:dyDescent="0.15">
      <c r="A73" s="3">
        <v>72</v>
      </c>
      <c r="B73" s="30" t="s">
        <v>613</v>
      </c>
      <c r="C73" s="27" t="s">
        <v>986</v>
      </c>
      <c r="D73" s="31">
        <v>36070</v>
      </c>
      <c r="E73" s="32" t="s">
        <v>417</v>
      </c>
      <c r="F73" s="32" t="s">
        <v>2202</v>
      </c>
      <c r="G73" s="27">
        <v>5</v>
      </c>
    </row>
    <row r="74" spans="1:46" s="3" customFormat="1" ht="13.5" customHeight="1" x14ac:dyDescent="0.15">
      <c r="A74" s="3">
        <v>73</v>
      </c>
      <c r="B74" s="30" t="s">
        <v>613</v>
      </c>
      <c r="C74" s="27" t="s">
        <v>986</v>
      </c>
      <c r="D74" s="31">
        <v>36080</v>
      </c>
      <c r="E74" s="32" t="s">
        <v>418</v>
      </c>
      <c r="F74" s="32" t="s">
        <v>326</v>
      </c>
      <c r="G74" s="27">
        <v>3</v>
      </c>
    </row>
    <row r="75" spans="1:46" s="3" customFormat="1" ht="13.5" customHeight="1" x14ac:dyDescent="0.15">
      <c r="A75" s="3">
        <v>74</v>
      </c>
      <c r="B75" s="30" t="s">
        <v>613</v>
      </c>
      <c r="C75" s="27" t="s">
        <v>986</v>
      </c>
      <c r="D75" s="31">
        <v>36810</v>
      </c>
      <c r="E75" s="32" t="s">
        <v>492</v>
      </c>
      <c r="F75" s="32" t="s">
        <v>1441</v>
      </c>
      <c r="G75" s="27">
        <v>12</v>
      </c>
    </row>
    <row r="76" spans="1:46" s="3" customFormat="1" ht="13.5" customHeight="1" x14ac:dyDescent="0.15">
      <c r="A76" s="3">
        <v>75</v>
      </c>
      <c r="B76" s="30" t="s">
        <v>613</v>
      </c>
      <c r="C76" s="27" t="s">
        <v>986</v>
      </c>
      <c r="D76" s="31">
        <v>36830</v>
      </c>
      <c r="E76" s="32" t="s">
        <v>493</v>
      </c>
      <c r="F76" s="32" t="s">
        <v>2192</v>
      </c>
      <c r="G76" s="27">
        <v>12</v>
      </c>
    </row>
    <row r="77" spans="1:46" s="3" customFormat="1" ht="13.5" customHeight="1" x14ac:dyDescent="0.15">
      <c r="A77" s="3">
        <v>76</v>
      </c>
      <c r="B77" s="30" t="s">
        <v>613</v>
      </c>
      <c r="C77" s="27" t="s">
        <v>986</v>
      </c>
      <c r="D77" s="31">
        <v>36870</v>
      </c>
      <c r="E77" s="32" t="s">
        <v>256</v>
      </c>
      <c r="F77" s="32" t="s">
        <v>1440</v>
      </c>
      <c r="G77" s="27">
        <v>4</v>
      </c>
    </row>
    <row r="78" spans="1:46" s="3" customFormat="1" ht="13.5" customHeight="1" x14ac:dyDescent="0.15">
      <c r="A78" s="3">
        <v>77</v>
      </c>
      <c r="B78" s="30" t="s">
        <v>613</v>
      </c>
      <c r="C78" s="27" t="s">
        <v>986</v>
      </c>
      <c r="D78" s="31">
        <v>36950</v>
      </c>
      <c r="E78" s="32" t="s">
        <v>1624</v>
      </c>
      <c r="F78" s="32" t="s">
        <v>630</v>
      </c>
      <c r="G78" s="27">
        <v>12</v>
      </c>
    </row>
    <row r="79" spans="1:46" s="3" customFormat="1" ht="13.5" customHeight="1" x14ac:dyDescent="0.15">
      <c r="A79" s="3">
        <v>78</v>
      </c>
      <c r="B79" s="30" t="s">
        <v>613</v>
      </c>
      <c r="C79" s="27" t="s">
        <v>986</v>
      </c>
      <c r="D79" s="31">
        <v>37000</v>
      </c>
      <c r="E79" s="32" t="s">
        <v>1625</v>
      </c>
      <c r="F79" s="32" t="s">
        <v>629</v>
      </c>
      <c r="G79" s="27">
        <v>12</v>
      </c>
    </row>
    <row r="80" spans="1:46" s="3" customFormat="1" ht="13.5" customHeight="1" x14ac:dyDescent="0.15">
      <c r="A80" s="3">
        <v>79</v>
      </c>
      <c r="B80" s="30" t="s">
        <v>613</v>
      </c>
      <c r="C80" s="27" t="s">
        <v>986</v>
      </c>
      <c r="D80" s="31">
        <v>38660</v>
      </c>
      <c r="E80" s="32" t="s">
        <v>3013</v>
      </c>
      <c r="F80" s="32" t="s">
        <v>212</v>
      </c>
      <c r="G80" s="27">
        <v>6</v>
      </c>
      <c r="H80" s="2"/>
      <c r="I80" s="2"/>
      <c r="J80" s="2"/>
      <c r="K80" s="2"/>
      <c r="L80" s="2"/>
      <c r="M80" s="2"/>
      <c r="N80" s="2"/>
      <c r="O80" s="2"/>
      <c r="P80" s="2"/>
      <c r="Q80" s="2"/>
      <c r="R80" s="2"/>
      <c r="S80" s="2"/>
      <c r="T80" s="2"/>
      <c r="U80" s="2"/>
      <c r="V80" s="2"/>
      <c r="W80" s="2"/>
      <c r="X80" s="2"/>
      <c r="Y80" s="2"/>
      <c r="Z80" s="2"/>
      <c r="AA80" s="2"/>
      <c r="AB80" s="2"/>
      <c r="AC80" s="2"/>
      <c r="AD80" s="2"/>
      <c r="AE80" s="2"/>
      <c r="AF80" s="2"/>
      <c r="AG80" s="2"/>
      <c r="AH80" s="2"/>
      <c r="AI80" s="2"/>
      <c r="AJ80" s="2"/>
      <c r="AK80" s="2"/>
      <c r="AL80" s="2"/>
      <c r="AM80" s="2"/>
      <c r="AN80" s="2"/>
      <c r="AO80" s="2"/>
      <c r="AP80" s="2"/>
      <c r="AQ80" s="2"/>
      <c r="AR80" s="2"/>
      <c r="AS80" s="2"/>
      <c r="AT80" s="2"/>
    </row>
    <row r="81" spans="1:7" s="3" customFormat="1" ht="13.5" customHeight="1" x14ac:dyDescent="0.15">
      <c r="A81" s="3">
        <v>80</v>
      </c>
      <c r="B81" s="30" t="s">
        <v>613</v>
      </c>
      <c r="C81" s="27" t="s">
        <v>986</v>
      </c>
      <c r="D81" s="31">
        <v>39000</v>
      </c>
      <c r="E81" s="32" t="s">
        <v>3024</v>
      </c>
      <c r="F81" s="32" t="s">
        <v>1439</v>
      </c>
      <c r="G81" s="27">
        <v>6</v>
      </c>
    </row>
    <row r="82" spans="1:7" s="3" customFormat="1" ht="13.5" customHeight="1" x14ac:dyDescent="0.15">
      <c r="A82" s="3">
        <v>81</v>
      </c>
      <c r="B82" s="30" t="s">
        <v>613</v>
      </c>
      <c r="C82" s="27" t="s">
        <v>986</v>
      </c>
      <c r="D82" s="31">
        <v>39110</v>
      </c>
      <c r="E82" s="32" t="s">
        <v>3027</v>
      </c>
      <c r="F82" s="32" t="s">
        <v>2450</v>
      </c>
      <c r="G82" s="27">
        <v>6</v>
      </c>
    </row>
    <row r="83" spans="1:7" s="3" customFormat="1" ht="13.5" customHeight="1" x14ac:dyDescent="0.15">
      <c r="A83" s="3">
        <v>82</v>
      </c>
      <c r="B83" s="30" t="s">
        <v>613</v>
      </c>
      <c r="C83" s="27" t="s">
        <v>986</v>
      </c>
      <c r="D83" s="31">
        <v>39590</v>
      </c>
      <c r="E83" s="32" t="s">
        <v>695</v>
      </c>
      <c r="F83" s="32" t="s">
        <v>1433</v>
      </c>
      <c r="G83" s="27">
        <v>4</v>
      </c>
    </row>
    <row r="84" spans="1:7" s="3" customFormat="1" ht="13.5" customHeight="1" x14ac:dyDescent="0.15">
      <c r="A84" s="3">
        <v>83</v>
      </c>
      <c r="B84" s="30" t="s">
        <v>613</v>
      </c>
      <c r="C84" s="27" t="s">
        <v>986</v>
      </c>
      <c r="D84" s="31">
        <v>39780</v>
      </c>
      <c r="E84" s="32" t="s">
        <v>794</v>
      </c>
      <c r="F84" s="32" t="s">
        <v>200</v>
      </c>
      <c r="G84" s="27">
        <v>3</v>
      </c>
    </row>
    <row r="85" spans="1:7" s="3" customFormat="1" ht="13.5" customHeight="1" x14ac:dyDescent="0.15">
      <c r="A85" s="3">
        <v>84</v>
      </c>
      <c r="B85" s="26" t="s">
        <v>613</v>
      </c>
      <c r="C85" s="27" t="s">
        <v>885</v>
      </c>
      <c r="D85" s="33">
        <v>40090</v>
      </c>
      <c r="E85" s="29" t="s">
        <v>547</v>
      </c>
      <c r="F85" s="32" t="s">
        <v>548</v>
      </c>
      <c r="G85" s="27">
        <v>12</v>
      </c>
    </row>
    <row r="86" spans="1:7" s="3" customFormat="1" ht="13.5" customHeight="1" x14ac:dyDescent="0.15">
      <c r="A86" s="3">
        <v>85</v>
      </c>
      <c r="B86" s="30" t="s">
        <v>613</v>
      </c>
      <c r="C86" s="27" t="s">
        <v>1271</v>
      </c>
      <c r="D86" s="34">
        <v>40420</v>
      </c>
      <c r="E86" s="32" t="s">
        <v>3060</v>
      </c>
      <c r="F86" s="32" t="s">
        <v>835</v>
      </c>
      <c r="G86" s="27">
        <v>6</v>
      </c>
    </row>
    <row r="87" spans="1:7" s="3" customFormat="1" ht="13.5" customHeight="1" x14ac:dyDescent="0.15">
      <c r="A87" s="3">
        <v>86</v>
      </c>
      <c r="B87" s="30" t="s">
        <v>613</v>
      </c>
      <c r="C87" s="27" t="s">
        <v>1271</v>
      </c>
      <c r="D87" s="34">
        <v>40770</v>
      </c>
      <c r="E87" s="32" t="s">
        <v>3073</v>
      </c>
      <c r="F87" s="32" t="s">
        <v>1541</v>
      </c>
      <c r="G87" s="27">
        <v>12</v>
      </c>
    </row>
    <row r="88" spans="1:7" s="3" customFormat="1" ht="13.5" customHeight="1" x14ac:dyDescent="0.15">
      <c r="A88" s="3">
        <v>87</v>
      </c>
      <c r="B88" s="30" t="s">
        <v>613</v>
      </c>
      <c r="C88" s="35" t="s">
        <v>885</v>
      </c>
      <c r="D88" s="28">
        <v>41530</v>
      </c>
      <c r="E88" s="36" t="s">
        <v>1964</v>
      </c>
      <c r="F88" s="29" t="s">
        <v>2205</v>
      </c>
      <c r="G88" s="27">
        <v>11</v>
      </c>
    </row>
    <row r="89" spans="1:7" s="3" customFormat="1" ht="13.5" customHeight="1" x14ac:dyDescent="0.15">
      <c r="A89" s="3">
        <v>88</v>
      </c>
      <c r="B89" s="30" t="s">
        <v>613</v>
      </c>
      <c r="C89" s="27" t="s">
        <v>1274</v>
      </c>
      <c r="D89" s="28">
        <v>41630</v>
      </c>
      <c r="E89" s="32" t="s">
        <v>809</v>
      </c>
      <c r="F89" s="32" t="s">
        <v>69</v>
      </c>
      <c r="G89" s="27">
        <v>12</v>
      </c>
    </row>
    <row r="90" spans="1:7" s="3" customFormat="1" ht="13.5" customHeight="1" x14ac:dyDescent="0.15">
      <c r="A90" s="3">
        <v>89</v>
      </c>
      <c r="B90" s="30" t="s">
        <v>613</v>
      </c>
      <c r="C90" s="27" t="s">
        <v>1274</v>
      </c>
      <c r="D90" s="28">
        <v>41690</v>
      </c>
      <c r="E90" s="32" t="s">
        <v>1557</v>
      </c>
      <c r="F90" s="32" t="s">
        <v>70</v>
      </c>
      <c r="G90" s="27">
        <v>12</v>
      </c>
    </row>
    <row r="91" spans="1:7" s="3" customFormat="1" ht="13.5" customHeight="1" x14ac:dyDescent="0.15">
      <c r="A91" s="3">
        <v>90</v>
      </c>
      <c r="B91" s="30" t="s">
        <v>613</v>
      </c>
      <c r="C91" s="27" t="s">
        <v>885</v>
      </c>
      <c r="D91" s="34">
        <v>41730</v>
      </c>
      <c r="E91" s="37" t="s">
        <v>757</v>
      </c>
      <c r="F91" s="29" t="s">
        <v>2199</v>
      </c>
      <c r="G91" s="27">
        <v>6</v>
      </c>
    </row>
    <row r="92" spans="1:7" s="3" customFormat="1" ht="13.5" customHeight="1" x14ac:dyDescent="0.15">
      <c r="A92" s="3">
        <v>91</v>
      </c>
      <c r="B92" s="30" t="s">
        <v>613</v>
      </c>
      <c r="C92" s="27" t="s">
        <v>885</v>
      </c>
      <c r="D92" s="28">
        <v>41810</v>
      </c>
      <c r="E92" s="38" t="s">
        <v>813</v>
      </c>
      <c r="F92" s="38" t="s">
        <v>1361</v>
      </c>
      <c r="G92" s="27">
        <v>9</v>
      </c>
    </row>
    <row r="93" spans="1:7" s="3" customFormat="1" ht="13.5" customHeight="1" x14ac:dyDescent="0.15">
      <c r="A93" s="3">
        <v>92</v>
      </c>
      <c r="B93" s="30" t="s">
        <v>613</v>
      </c>
      <c r="C93" s="27" t="s">
        <v>885</v>
      </c>
      <c r="D93" s="31">
        <v>41980</v>
      </c>
      <c r="E93" s="32" t="s">
        <v>1783</v>
      </c>
      <c r="F93" s="32" t="s">
        <v>2198</v>
      </c>
      <c r="G93" s="27">
        <v>12</v>
      </c>
    </row>
    <row r="94" spans="1:7" s="3" customFormat="1" ht="13.5" customHeight="1" x14ac:dyDescent="0.15">
      <c r="A94" s="3">
        <v>93</v>
      </c>
      <c r="B94" s="30" t="s">
        <v>613</v>
      </c>
      <c r="C94" s="27" t="s">
        <v>885</v>
      </c>
      <c r="D94" s="34">
        <v>42080</v>
      </c>
      <c r="E94" s="37" t="s">
        <v>1547</v>
      </c>
      <c r="F94" s="32" t="s">
        <v>696</v>
      </c>
      <c r="G94" s="27">
        <v>12</v>
      </c>
    </row>
    <row r="95" spans="1:7" s="3" customFormat="1" ht="13.5" customHeight="1" x14ac:dyDescent="0.15">
      <c r="A95" s="3">
        <v>94</v>
      </c>
      <c r="B95" s="30" t="s">
        <v>613</v>
      </c>
      <c r="C95" s="27" t="s">
        <v>885</v>
      </c>
      <c r="D95" s="34">
        <v>42160</v>
      </c>
      <c r="E95" s="37" t="s">
        <v>2515</v>
      </c>
      <c r="F95" s="32" t="s">
        <v>2516</v>
      </c>
      <c r="G95" s="27">
        <v>2</v>
      </c>
    </row>
    <row r="96" spans="1:7" s="3" customFormat="1" ht="13.5" customHeight="1" x14ac:dyDescent="0.15">
      <c r="A96" s="3">
        <v>95</v>
      </c>
      <c r="B96" s="30" t="s">
        <v>613</v>
      </c>
      <c r="C96" s="27" t="s">
        <v>986</v>
      </c>
      <c r="D96" s="28">
        <v>42300</v>
      </c>
      <c r="E96" s="36" t="s">
        <v>2418</v>
      </c>
      <c r="F96" s="32" t="s">
        <v>2419</v>
      </c>
      <c r="G96" s="27">
        <v>12</v>
      </c>
    </row>
    <row r="97" spans="1:46" s="3" customFormat="1" ht="13.5" customHeight="1" x14ac:dyDescent="0.15">
      <c r="A97" s="3">
        <v>96</v>
      </c>
      <c r="B97" s="30" t="s">
        <v>613</v>
      </c>
      <c r="C97" s="27" t="s">
        <v>986</v>
      </c>
      <c r="D97" s="28">
        <v>42360</v>
      </c>
      <c r="E97" s="36" t="s">
        <v>759</v>
      </c>
      <c r="F97" s="32" t="s">
        <v>2194</v>
      </c>
      <c r="G97" s="27">
        <v>12</v>
      </c>
    </row>
    <row r="98" spans="1:46" s="3" customFormat="1" ht="13.5" customHeight="1" x14ac:dyDescent="0.15">
      <c r="A98" s="3">
        <v>97</v>
      </c>
      <c r="B98" s="30" t="s">
        <v>613</v>
      </c>
      <c r="C98" s="27" t="s">
        <v>986</v>
      </c>
      <c r="D98" s="28">
        <v>42460</v>
      </c>
      <c r="E98" s="36" t="s">
        <v>760</v>
      </c>
      <c r="F98" s="32" t="s">
        <v>2201</v>
      </c>
      <c r="G98" s="27">
        <v>12</v>
      </c>
    </row>
    <row r="99" spans="1:46" s="3" customFormat="1" ht="13.5" customHeight="1" x14ac:dyDescent="0.15">
      <c r="A99" s="3">
        <v>98</v>
      </c>
      <c r="B99" s="30" t="s">
        <v>613</v>
      </c>
      <c r="C99" s="27" t="s">
        <v>885</v>
      </c>
      <c r="D99" s="34">
        <v>42760</v>
      </c>
      <c r="E99" s="32" t="s">
        <v>3089</v>
      </c>
      <c r="F99" s="32" t="s">
        <v>2204</v>
      </c>
      <c r="G99" s="27">
        <v>1</v>
      </c>
    </row>
    <row r="100" spans="1:46" s="3" customFormat="1" ht="13.5" customHeight="1" x14ac:dyDescent="0.15">
      <c r="A100" s="3">
        <v>99</v>
      </c>
      <c r="B100" s="30" t="s">
        <v>613</v>
      </c>
      <c r="C100" s="27" t="s">
        <v>885</v>
      </c>
      <c r="D100" s="34">
        <v>42870</v>
      </c>
      <c r="E100" s="32" t="s">
        <v>3096</v>
      </c>
      <c r="F100" s="32" t="s">
        <v>2161</v>
      </c>
      <c r="G100" s="27">
        <v>9</v>
      </c>
    </row>
    <row r="101" spans="1:46" s="3" customFormat="1" ht="13.5" customHeight="1" x14ac:dyDescent="0.15">
      <c r="A101" s="3">
        <v>100</v>
      </c>
      <c r="B101" s="30" t="s">
        <v>613</v>
      </c>
      <c r="C101" s="27" t="s">
        <v>1274</v>
      </c>
      <c r="D101" s="34">
        <v>42910</v>
      </c>
      <c r="E101" s="32" t="s">
        <v>3099</v>
      </c>
      <c r="F101" s="32" t="s">
        <v>2164</v>
      </c>
      <c r="G101" s="27">
        <v>7</v>
      </c>
    </row>
    <row r="102" spans="1:46" s="3" customFormat="1" ht="13.5" customHeight="1" x14ac:dyDescent="0.15">
      <c r="A102" s="3">
        <v>101</v>
      </c>
      <c r="B102" s="30" t="s">
        <v>613</v>
      </c>
      <c r="C102" s="27" t="s">
        <v>885</v>
      </c>
      <c r="D102" s="34">
        <v>42970</v>
      </c>
      <c r="E102" s="32" t="s">
        <v>3102</v>
      </c>
      <c r="F102" s="32" t="s">
        <v>2169</v>
      </c>
      <c r="G102" s="27">
        <v>5</v>
      </c>
    </row>
    <row r="103" spans="1:46" s="3" customFormat="1" ht="13.5" customHeight="1" x14ac:dyDescent="0.15">
      <c r="A103" s="3">
        <v>102</v>
      </c>
      <c r="B103" s="30" t="s">
        <v>613</v>
      </c>
      <c r="C103" s="27" t="s">
        <v>986</v>
      </c>
      <c r="D103" s="31">
        <v>143210</v>
      </c>
      <c r="E103" s="32" t="s">
        <v>3103</v>
      </c>
      <c r="F103" s="32" t="s">
        <v>2357</v>
      </c>
      <c r="G103" s="27">
        <v>5</v>
      </c>
    </row>
    <row r="104" spans="1:46" s="3" customFormat="1" ht="13.5" customHeight="1" x14ac:dyDescent="0.15">
      <c r="A104" s="3">
        <v>103</v>
      </c>
      <c r="B104" s="30" t="s">
        <v>613</v>
      </c>
      <c r="C104" s="27" t="s">
        <v>986</v>
      </c>
      <c r="D104" s="31">
        <v>143370</v>
      </c>
      <c r="E104" s="32" t="s">
        <v>2399</v>
      </c>
      <c r="F104" s="32" t="s">
        <v>2400</v>
      </c>
      <c r="G104" s="27">
        <v>6</v>
      </c>
    </row>
    <row r="105" spans="1:46" s="3" customFormat="1" ht="13.5" customHeight="1" x14ac:dyDescent="0.15">
      <c r="A105" s="3">
        <v>104</v>
      </c>
      <c r="B105" s="30" t="s">
        <v>613</v>
      </c>
      <c r="C105" s="27" t="s">
        <v>885</v>
      </c>
      <c r="D105" s="34">
        <v>143380</v>
      </c>
      <c r="E105" s="37" t="s">
        <v>2514</v>
      </c>
      <c r="F105" s="32" t="s">
        <v>2401</v>
      </c>
      <c r="G105" s="27">
        <v>12</v>
      </c>
    </row>
    <row r="106" spans="1:46" s="3" customFormat="1" ht="13.5" customHeight="1" x14ac:dyDescent="0.15">
      <c r="A106" s="3">
        <v>105</v>
      </c>
      <c r="B106" s="30" t="s">
        <v>613</v>
      </c>
      <c r="C106" s="27" t="s">
        <v>1274</v>
      </c>
      <c r="D106" s="31">
        <v>143500</v>
      </c>
      <c r="E106" s="32" t="s">
        <v>2436</v>
      </c>
      <c r="F106" s="32" t="s">
        <v>2520</v>
      </c>
      <c r="G106" s="27">
        <v>8</v>
      </c>
    </row>
    <row r="107" spans="1:46" s="4" customFormat="1" ht="13.5" customHeight="1" x14ac:dyDescent="0.15">
      <c r="A107" s="3">
        <v>106</v>
      </c>
      <c r="B107" s="30" t="s">
        <v>613</v>
      </c>
      <c r="C107" s="27" t="s">
        <v>1274</v>
      </c>
      <c r="D107" s="31">
        <v>143510</v>
      </c>
      <c r="E107" s="32" t="s">
        <v>2517</v>
      </c>
      <c r="F107" s="32" t="s">
        <v>2518</v>
      </c>
      <c r="G107" s="27">
        <v>12</v>
      </c>
      <c r="H107" s="3"/>
      <c r="I107" s="3"/>
      <c r="J107" s="3"/>
      <c r="K107" s="3"/>
      <c r="L107" s="3"/>
      <c r="M107" s="3"/>
      <c r="N107" s="3"/>
      <c r="O107" s="3"/>
      <c r="P107" s="3"/>
      <c r="Q107" s="3"/>
      <c r="R107" s="3"/>
      <c r="S107" s="3"/>
      <c r="T107" s="3"/>
      <c r="U107" s="3"/>
      <c r="V107" s="3"/>
      <c r="W107" s="3"/>
      <c r="X107" s="3"/>
      <c r="Y107" s="3"/>
      <c r="Z107" s="3"/>
      <c r="AA107" s="3"/>
      <c r="AB107" s="3"/>
      <c r="AC107" s="3"/>
      <c r="AD107" s="3"/>
      <c r="AE107" s="3"/>
      <c r="AF107" s="3"/>
      <c r="AG107" s="3"/>
      <c r="AH107" s="3"/>
      <c r="AI107" s="3"/>
      <c r="AJ107" s="3"/>
      <c r="AK107" s="3"/>
      <c r="AL107" s="3"/>
      <c r="AM107" s="3"/>
      <c r="AN107" s="3"/>
      <c r="AO107" s="3"/>
      <c r="AP107" s="3"/>
      <c r="AQ107" s="3"/>
      <c r="AR107" s="3"/>
      <c r="AS107" s="3"/>
      <c r="AT107" s="3"/>
    </row>
    <row r="108" spans="1:46" s="4" customFormat="1" ht="13.5" customHeight="1" x14ac:dyDescent="0.15">
      <c r="A108" s="3">
        <v>107</v>
      </c>
      <c r="B108" s="30" t="s">
        <v>613</v>
      </c>
      <c r="C108" s="39" t="s">
        <v>1271</v>
      </c>
      <c r="D108" s="33">
        <v>143600</v>
      </c>
      <c r="E108" s="40" t="s">
        <v>2733</v>
      </c>
      <c r="F108" s="29" t="s">
        <v>3133</v>
      </c>
      <c r="G108" s="27">
        <v>6</v>
      </c>
      <c r="H108" s="3"/>
      <c r="I108" s="3"/>
      <c r="J108" s="3"/>
      <c r="K108" s="3"/>
      <c r="L108" s="3"/>
      <c r="M108" s="3"/>
      <c r="N108" s="3"/>
      <c r="O108" s="3"/>
      <c r="P108" s="3"/>
      <c r="Q108" s="3"/>
      <c r="R108" s="3"/>
      <c r="S108" s="3"/>
      <c r="T108" s="3"/>
      <c r="U108" s="3"/>
      <c r="V108" s="3"/>
      <c r="W108" s="3"/>
      <c r="X108" s="3"/>
      <c r="Y108" s="3"/>
      <c r="Z108" s="3"/>
      <c r="AA108" s="3"/>
      <c r="AB108" s="3"/>
      <c r="AC108" s="3"/>
      <c r="AD108" s="3"/>
      <c r="AE108" s="3"/>
      <c r="AF108" s="3"/>
      <c r="AG108" s="3"/>
      <c r="AH108" s="3"/>
      <c r="AI108" s="3"/>
      <c r="AJ108" s="3"/>
      <c r="AK108" s="3"/>
      <c r="AL108" s="3"/>
      <c r="AM108" s="3"/>
      <c r="AN108" s="3"/>
      <c r="AO108" s="3"/>
      <c r="AP108" s="3"/>
      <c r="AQ108" s="3"/>
      <c r="AR108" s="3"/>
      <c r="AS108" s="3"/>
      <c r="AT108" s="3"/>
    </row>
    <row r="109" spans="1:46" s="4" customFormat="1" ht="13.5" customHeight="1" x14ac:dyDescent="0.15">
      <c r="A109" s="3">
        <v>108</v>
      </c>
      <c r="B109" s="30" t="s">
        <v>613</v>
      </c>
      <c r="C109" s="27" t="s">
        <v>1274</v>
      </c>
      <c r="D109" s="31">
        <v>143620</v>
      </c>
      <c r="E109" s="32" t="s">
        <v>2439</v>
      </c>
      <c r="F109" s="32" t="s">
        <v>2519</v>
      </c>
      <c r="G109" s="27">
        <v>4</v>
      </c>
      <c r="H109" s="3"/>
      <c r="I109" s="3"/>
      <c r="J109" s="3"/>
      <c r="K109" s="3"/>
      <c r="L109" s="3"/>
      <c r="M109" s="3"/>
      <c r="N109" s="3"/>
      <c r="O109" s="3"/>
      <c r="P109" s="3"/>
      <c r="Q109" s="3"/>
      <c r="R109" s="3"/>
      <c r="S109" s="3"/>
      <c r="T109" s="3"/>
      <c r="U109" s="3"/>
      <c r="V109" s="3"/>
      <c r="W109" s="3"/>
      <c r="X109" s="3"/>
      <c r="Y109" s="3"/>
      <c r="Z109" s="3"/>
      <c r="AA109" s="3"/>
      <c r="AB109" s="3"/>
      <c r="AC109" s="3"/>
      <c r="AD109" s="3"/>
      <c r="AE109" s="3"/>
      <c r="AF109" s="3"/>
      <c r="AG109" s="3"/>
      <c r="AH109" s="3"/>
      <c r="AI109" s="3"/>
      <c r="AJ109" s="3"/>
      <c r="AK109" s="3"/>
      <c r="AL109" s="3"/>
      <c r="AM109" s="3"/>
      <c r="AN109" s="3"/>
      <c r="AO109" s="3"/>
      <c r="AP109" s="3"/>
      <c r="AQ109" s="3"/>
      <c r="AR109" s="3"/>
      <c r="AS109" s="3"/>
      <c r="AT109" s="3"/>
    </row>
    <row r="110" spans="1:46" s="4" customFormat="1" ht="13.5" customHeight="1" x14ac:dyDescent="0.15">
      <c r="A110" s="3">
        <v>109</v>
      </c>
      <c r="B110" s="30" t="s">
        <v>613</v>
      </c>
      <c r="C110" s="27" t="s">
        <v>1274</v>
      </c>
      <c r="D110" s="34">
        <v>143720</v>
      </c>
      <c r="E110" s="32" t="s">
        <v>2577</v>
      </c>
      <c r="F110" s="32" t="s">
        <v>2578</v>
      </c>
      <c r="G110" s="27">
        <v>5</v>
      </c>
      <c r="H110" s="3"/>
      <c r="I110" s="3"/>
      <c r="J110" s="3"/>
      <c r="K110" s="3"/>
      <c r="L110" s="3"/>
      <c r="M110" s="3"/>
      <c r="N110" s="3"/>
      <c r="O110" s="3"/>
      <c r="P110" s="3"/>
      <c r="Q110" s="3"/>
      <c r="R110" s="3"/>
      <c r="S110" s="3"/>
      <c r="T110" s="3"/>
      <c r="U110" s="3"/>
      <c r="V110" s="3"/>
      <c r="W110" s="3"/>
      <c r="X110" s="3"/>
      <c r="Y110" s="3"/>
      <c r="Z110" s="3"/>
      <c r="AA110" s="3"/>
      <c r="AB110" s="3"/>
      <c r="AC110" s="3"/>
      <c r="AD110" s="3"/>
      <c r="AE110" s="3"/>
      <c r="AF110" s="3"/>
      <c r="AG110" s="3"/>
      <c r="AH110" s="3"/>
      <c r="AI110" s="3"/>
      <c r="AJ110" s="3"/>
      <c r="AK110" s="3"/>
      <c r="AL110" s="3"/>
      <c r="AM110" s="3"/>
      <c r="AN110" s="3"/>
      <c r="AO110" s="3"/>
      <c r="AP110" s="3"/>
      <c r="AQ110" s="3"/>
      <c r="AR110" s="3"/>
      <c r="AS110" s="3"/>
      <c r="AT110" s="3"/>
    </row>
    <row r="111" spans="1:46" s="4" customFormat="1" ht="13.5" customHeight="1" x14ac:dyDescent="0.15">
      <c r="A111" s="3">
        <v>110</v>
      </c>
      <c r="B111" s="30" t="s">
        <v>613</v>
      </c>
      <c r="C111" s="27" t="s">
        <v>885</v>
      </c>
      <c r="D111" s="31">
        <v>143730</v>
      </c>
      <c r="E111" s="32" t="s">
        <v>2468</v>
      </c>
      <c r="F111" s="32" t="s">
        <v>2469</v>
      </c>
      <c r="G111" s="27">
        <v>12</v>
      </c>
      <c r="H111" s="3"/>
      <c r="I111" s="3"/>
      <c r="J111" s="3"/>
      <c r="K111" s="3"/>
      <c r="L111" s="3"/>
      <c r="M111" s="3"/>
      <c r="N111" s="3"/>
      <c r="O111" s="3"/>
      <c r="P111" s="3"/>
      <c r="Q111" s="3"/>
      <c r="R111" s="3"/>
      <c r="S111" s="3"/>
      <c r="T111" s="3"/>
      <c r="U111" s="3"/>
      <c r="V111" s="3"/>
      <c r="W111" s="3"/>
      <c r="X111" s="3"/>
      <c r="Y111" s="3"/>
      <c r="Z111" s="3"/>
      <c r="AA111" s="3"/>
      <c r="AB111" s="3"/>
      <c r="AC111" s="3"/>
      <c r="AD111" s="3"/>
      <c r="AE111" s="3"/>
      <c r="AF111" s="3"/>
      <c r="AG111" s="3"/>
      <c r="AH111" s="3"/>
      <c r="AI111" s="3"/>
      <c r="AJ111" s="3"/>
      <c r="AK111" s="3"/>
      <c r="AL111" s="3"/>
      <c r="AM111" s="3"/>
      <c r="AN111" s="3"/>
      <c r="AO111" s="3"/>
      <c r="AP111" s="3"/>
      <c r="AQ111" s="3"/>
      <c r="AR111" s="3"/>
      <c r="AS111" s="3"/>
      <c r="AT111" s="3"/>
    </row>
    <row r="112" spans="1:46" s="3" customFormat="1" ht="13.5" customHeight="1" x14ac:dyDescent="0.15">
      <c r="A112" s="3">
        <v>111</v>
      </c>
      <c r="B112" s="30" t="s">
        <v>613</v>
      </c>
      <c r="C112" s="27" t="s">
        <v>885</v>
      </c>
      <c r="D112" s="31">
        <v>143890</v>
      </c>
      <c r="E112" s="32" t="s">
        <v>2482</v>
      </c>
      <c r="F112" s="32" t="s">
        <v>2483</v>
      </c>
      <c r="G112" s="27">
        <v>12</v>
      </c>
    </row>
    <row r="113" spans="1:46" s="3" customFormat="1" ht="13.5" customHeight="1" x14ac:dyDescent="0.15">
      <c r="A113" s="3">
        <v>112</v>
      </c>
      <c r="B113" s="30" t="s">
        <v>613</v>
      </c>
      <c r="C113" s="27" t="s">
        <v>1274</v>
      </c>
      <c r="D113" s="31">
        <v>143910</v>
      </c>
      <c r="E113" s="32" t="s">
        <v>2521</v>
      </c>
      <c r="F113" s="32" t="s">
        <v>2522</v>
      </c>
      <c r="G113" s="27">
        <v>8</v>
      </c>
    </row>
    <row r="114" spans="1:46" s="3" customFormat="1" ht="13.5" customHeight="1" x14ac:dyDescent="0.15">
      <c r="A114" s="3">
        <v>113</v>
      </c>
      <c r="B114" s="30" t="s">
        <v>613</v>
      </c>
      <c r="C114" s="27" t="s">
        <v>885</v>
      </c>
      <c r="D114" s="31">
        <v>143990</v>
      </c>
      <c r="E114" s="32" t="s">
        <v>2594</v>
      </c>
      <c r="F114" s="32" t="s">
        <v>2504</v>
      </c>
      <c r="G114" s="27">
        <v>12</v>
      </c>
    </row>
    <row r="115" spans="1:46" s="3" customFormat="1" ht="13.5" customHeight="1" x14ac:dyDescent="0.15">
      <c r="A115" s="3">
        <v>114</v>
      </c>
      <c r="B115" s="30" t="s">
        <v>613</v>
      </c>
      <c r="C115" s="27" t="s">
        <v>885</v>
      </c>
      <c r="D115" s="31">
        <v>144030</v>
      </c>
      <c r="E115" s="32" t="s">
        <v>2508</v>
      </c>
      <c r="F115" s="32" t="s">
        <v>2509</v>
      </c>
      <c r="G115" s="27">
        <v>12</v>
      </c>
    </row>
    <row r="116" spans="1:46" s="3" customFormat="1" ht="13.5" customHeight="1" x14ac:dyDescent="0.15">
      <c r="A116" s="3">
        <v>115</v>
      </c>
      <c r="B116" s="30" t="s">
        <v>613</v>
      </c>
      <c r="C116" s="27" t="s">
        <v>1274</v>
      </c>
      <c r="D116" s="28">
        <v>144200</v>
      </c>
      <c r="E116" s="32" t="s">
        <v>2881</v>
      </c>
      <c r="F116" s="29" t="s">
        <v>2882</v>
      </c>
      <c r="G116" s="27">
        <v>6</v>
      </c>
    </row>
    <row r="117" spans="1:46" ht="13.5" customHeight="1" x14ac:dyDescent="0.15">
      <c r="A117" s="3">
        <v>116</v>
      </c>
      <c r="B117" s="30" t="s">
        <v>613</v>
      </c>
      <c r="C117" s="27" t="s">
        <v>885</v>
      </c>
      <c r="D117" s="31">
        <v>144730</v>
      </c>
      <c r="E117" s="29" t="s">
        <v>2649</v>
      </c>
      <c r="F117" s="29" t="s">
        <v>2672</v>
      </c>
      <c r="G117" s="27">
        <v>2</v>
      </c>
      <c r="H117" s="3"/>
      <c r="I117" s="3"/>
      <c r="J117" s="3"/>
      <c r="K117" s="3"/>
      <c r="L117" s="3"/>
      <c r="M117" s="3"/>
      <c r="N117" s="3"/>
      <c r="O117" s="3"/>
      <c r="P117" s="3"/>
      <c r="Q117" s="3"/>
      <c r="R117" s="3"/>
      <c r="S117" s="3"/>
      <c r="T117" s="3"/>
      <c r="U117" s="3"/>
      <c r="V117" s="3"/>
      <c r="W117" s="3"/>
      <c r="X117" s="3"/>
      <c r="Y117" s="3"/>
      <c r="Z117" s="3"/>
      <c r="AA117" s="3"/>
      <c r="AB117" s="3"/>
      <c r="AC117" s="3"/>
      <c r="AD117" s="3"/>
      <c r="AE117" s="3"/>
      <c r="AF117" s="3"/>
      <c r="AG117" s="3"/>
      <c r="AH117" s="3"/>
      <c r="AI117" s="3"/>
      <c r="AJ117" s="3"/>
      <c r="AK117" s="3"/>
      <c r="AL117" s="3"/>
      <c r="AM117" s="3"/>
      <c r="AN117" s="3"/>
      <c r="AO117" s="3"/>
      <c r="AP117" s="3"/>
      <c r="AQ117" s="3"/>
      <c r="AR117" s="3"/>
      <c r="AS117" s="3"/>
      <c r="AT117" s="3"/>
    </row>
    <row r="118" spans="1:46" ht="13.5" customHeight="1" x14ac:dyDescent="0.15">
      <c r="A118" s="3">
        <v>117</v>
      </c>
      <c r="B118" s="30" t="s">
        <v>613</v>
      </c>
      <c r="C118" s="27" t="s">
        <v>1274</v>
      </c>
      <c r="D118" s="28">
        <v>145080</v>
      </c>
      <c r="E118" s="29" t="s">
        <v>2766</v>
      </c>
      <c r="F118" s="29" t="s">
        <v>3343</v>
      </c>
      <c r="G118" s="27">
        <v>5</v>
      </c>
      <c r="H118" s="3"/>
      <c r="I118" s="3"/>
      <c r="J118" s="3"/>
      <c r="K118" s="3"/>
      <c r="L118" s="3"/>
      <c r="M118" s="3"/>
      <c r="N118" s="3"/>
      <c r="O118" s="3"/>
      <c r="P118" s="3"/>
      <c r="Q118" s="3"/>
      <c r="R118" s="3"/>
      <c r="S118" s="3"/>
      <c r="T118" s="3"/>
      <c r="U118" s="3"/>
      <c r="V118" s="3"/>
      <c r="W118" s="3"/>
      <c r="X118" s="3"/>
      <c r="Y118" s="3"/>
      <c r="Z118" s="3"/>
      <c r="AA118" s="3"/>
      <c r="AB118" s="3"/>
      <c r="AC118" s="3"/>
      <c r="AD118" s="3"/>
      <c r="AE118" s="3"/>
      <c r="AF118" s="3"/>
      <c r="AG118" s="3"/>
      <c r="AH118" s="3"/>
      <c r="AI118" s="3"/>
      <c r="AJ118" s="3"/>
      <c r="AK118" s="3"/>
      <c r="AL118" s="3"/>
      <c r="AM118" s="3"/>
      <c r="AN118" s="3"/>
      <c r="AO118" s="3"/>
      <c r="AP118" s="3"/>
      <c r="AQ118" s="3"/>
      <c r="AR118" s="3"/>
      <c r="AS118" s="3"/>
      <c r="AT118" s="3"/>
    </row>
    <row r="119" spans="1:46" ht="13.5" customHeight="1" x14ac:dyDescent="0.15">
      <c r="A119" s="3">
        <v>118</v>
      </c>
      <c r="B119" s="30" t="s">
        <v>613</v>
      </c>
      <c r="C119" s="27" t="s">
        <v>1274</v>
      </c>
      <c r="D119" s="31">
        <v>145130</v>
      </c>
      <c r="E119" s="29" t="s">
        <v>2771</v>
      </c>
      <c r="F119" s="40" t="s">
        <v>2743</v>
      </c>
      <c r="G119" s="27">
        <v>8</v>
      </c>
      <c r="H119" s="3"/>
      <c r="I119" s="3"/>
      <c r="J119" s="3"/>
      <c r="K119" s="3"/>
      <c r="L119" s="3"/>
      <c r="M119" s="3"/>
      <c r="N119" s="3"/>
      <c r="O119" s="3"/>
      <c r="P119" s="3"/>
      <c r="Q119" s="3"/>
      <c r="R119" s="3"/>
      <c r="S119" s="3"/>
      <c r="T119" s="3"/>
      <c r="U119" s="3"/>
      <c r="V119" s="3"/>
      <c r="W119" s="3"/>
      <c r="X119" s="3"/>
      <c r="Y119" s="3"/>
      <c r="Z119" s="3"/>
      <c r="AA119" s="3"/>
      <c r="AB119" s="3"/>
      <c r="AC119" s="3"/>
      <c r="AD119" s="3"/>
      <c r="AE119" s="3"/>
      <c r="AF119" s="3"/>
      <c r="AG119" s="3"/>
      <c r="AH119" s="3"/>
      <c r="AI119" s="3"/>
      <c r="AJ119" s="3"/>
      <c r="AK119" s="3"/>
      <c r="AL119" s="3"/>
      <c r="AM119" s="3"/>
      <c r="AN119" s="3"/>
      <c r="AO119" s="3"/>
      <c r="AP119" s="3"/>
      <c r="AQ119" s="3"/>
      <c r="AR119" s="3"/>
      <c r="AS119" s="3"/>
      <c r="AT119" s="3"/>
    </row>
    <row r="120" spans="1:46" ht="13.5" customHeight="1" x14ac:dyDescent="0.15">
      <c r="A120" s="3">
        <v>119</v>
      </c>
      <c r="B120" s="30" t="s">
        <v>613</v>
      </c>
      <c r="C120" s="27" t="s">
        <v>885</v>
      </c>
      <c r="D120" s="28">
        <v>145190</v>
      </c>
      <c r="E120" s="29" t="s">
        <v>2779</v>
      </c>
      <c r="F120" s="29" t="s">
        <v>2782</v>
      </c>
      <c r="G120" s="27">
        <v>3</v>
      </c>
      <c r="H120" s="3"/>
      <c r="I120" s="3"/>
      <c r="J120" s="3"/>
      <c r="K120" s="3"/>
      <c r="L120" s="3"/>
      <c r="M120" s="3"/>
      <c r="N120" s="3"/>
      <c r="O120" s="3"/>
      <c r="P120" s="3"/>
      <c r="Q120" s="3"/>
      <c r="R120" s="3"/>
      <c r="S120" s="3"/>
      <c r="T120" s="3"/>
      <c r="U120" s="3"/>
      <c r="V120" s="3"/>
      <c r="W120" s="3"/>
      <c r="X120" s="3"/>
      <c r="Y120" s="3"/>
      <c r="Z120" s="3"/>
      <c r="AA120" s="3"/>
      <c r="AB120" s="3"/>
      <c r="AC120" s="3"/>
      <c r="AD120" s="3"/>
      <c r="AE120" s="3"/>
      <c r="AF120" s="3"/>
      <c r="AG120" s="3"/>
      <c r="AH120" s="3"/>
      <c r="AI120" s="3"/>
      <c r="AJ120" s="3"/>
      <c r="AK120" s="3"/>
      <c r="AL120" s="3"/>
      <c r="AM120" s="3"/>
      <c r="AN120" s="3"/>
      <c r="AO120" s="3"/>
      <c r="AP120" s="3"/>
      <c r="AQ120" s="3"/>
      <c r="AR120" s="3"/>
      <c r="AS120" s="3"/>
      <c r="AT120" s="3"/>
    </row>
    <row r="121" spans="1:46" s="3" customFormat="1" ht="13.5" customHeight="1" x14ac:dyDescent="0.15">
      <c r="A121" s="3">
        <v>120</v>
      </c>
      <c r="B121" s="30" t="s">
        <v>613</v>
      </c>
      <c r="C121" s="27" t="s">
        <v>885</v>
      </c>
      <c r="D121" s="31">
        <v>145200</v>
      </c>
      <c r="E121" s="29" t="s">
        <v>2780</v>
      </c>
      <c r="F121" s="29" t="s">
        <v>2783</v>
      </c>
      <c r="G121" s="27">
        <v>3</v>
      </c>
    </row>
    <row r="122" spans="1:46" s="3" customFormat="1" ht="13.5" customHeight="1" x14ac:dyDescent="0.15">
      <c r="A122" s="3">
        <v>121</v>
      </c>
      <c r="B122" s="30" t="s">
        <v>613</v>
      </c>
      <c r="C122" s="27" t="s">
        <v>885</v>
      </c>
      <c r="D122" s="28">
        <v>145201</v>
      </c>
      <c r="E122" s="29" t="s">
        <v>2781</v>
      </c>
      <c r="F122" s="29" t="s">
        <v>2784</v>
      </c>
      <c r="G122" s="27">
        <v>6</v>
      </c>
    </row>
    <row r="123" spans="1:46" s="3" customFormat="1" ht="13.5" customHeight="1" x14ac:dyDescent="0.15">
      <c r="A123" s="3">
        <v>122</v>
      </c>
      <c r="B123" s="30" t="s">
        <v>613</v>
      </c>
      <c r="C123" s="27" t="s">
        <v>1271</v>
      </c>
      <c r="D123" s="31">
        <v>145310</v>
      </c>
      <c r="E123" s="29" t="s">
        <v>3110</v>
      </c>
      <c r="F123" s="40" t="s">
        <v>2802</v>
      </c>
      <c r="G123" s="27">
        <v>12</v>
      </c>
    </row>
    <row r="124" spans="1:46" s="3" customFormat="1" ht="13.5" customHeight="1" x14ac:dyDescent="0.15">
      <c r="A124" s="3">
        <v>123</v>
      </c>
      <c r="B124" s="30" t="s">
        <v>613</v>
      </c>
      <c r="C124" s="27" t="s">
        <v>1271</v>
      </c>
      <c r="D124" s="31">
        <v>145440</v>
      </c>
      <c r="E124" s="29" t="s">
        <v>2843</v>
      </c>
      <c r="F124" s="40" t="s">
        <v>2815</v>
      </c>
      <c r="G124" s="27">
        <v>2</v>
      </c>
    </row>
    <row r="125" spans="1:46" s="3" customFormat="1" ht="13.5" customHeight="1" x14ac:dyDescent="0.15">
      <c r="A125" s="3">
        <v>124</v>
      </c>
      <c r="B125" s="30" t="s">
        <v>613</v>
      </c>
      <c r="C125" s="27" t="s">
        <v>986</v>
      </c>
      <c r="D125" s="31">
        <v>145460</v>
      </c>
      <c r="E125" s="29" t="s">
        <v>2845</v>
      </c>
      <c r="F125" s="40" t="s">
        <v>2817</v>
      </c>
      <c r="G125" s="27">
        <v>11</v>
      </c>
    </row>
    <row r="126" spans="1:46" s="3" customFormat="1" ht="13.5" customHeight="1" x14ac:dyDescent="0.15">
      <c r="A126" s="3">
        <v>125</v>
      </c>
      <c r="B126" s="30" t="s">
        <v>613</v>
      </c>
      <c r="C126" s="27" t="s">
        <v>1271</v>
      </c>
      <c r="D126" s="31">
        <v>145490</v>
      </c>
      <c r="E126" s="29" t="s">
        <v>2848</v>
      </c>
      <c r="F126" s="40" t="s">
        <v>2820</v>
      </c>
      <c r="G126" s="27">
        <v>12</v>
      </c>
      <c r="H126" s="2"/>
      <c r="I126" s="2"/>
      <c r="J126" s="2"/>
      <c r="K126" s="2"/>
      <c r="L126" s="2"/>
      <c r="M126" s="2"/>
      <c r="N126" s="2"/>
      <c r="O126" s="2"/>
      <c r="P126" s="2"/>
      <c r="Q126" s="2"/>
      <c r="R126" s="2"/>
      <c r="S126" s="2"/>
      <c r="T126" s="2"/>
      <c r="U126" s="2"/>
      <c r="V126" s="2"/>
      <c r="W126" s="2"/>
      <c r="X126" s="2"/>
      <c r="Y126" s="2"/>
      <c r="Z126" s="2"/>
      <c r="AA126" s="2"/>
      <c r="AB126" s="2"/>
      <c r="AC126" s="2"/>
      <c r="AD126" s="2"/>
      <c r="AE126" s="2"/>
      <c r="AF126" s="2"/>
      <c r="AG126" s="2"/>
      <c r="AH126" s="2"/>
      <c r="AI126" s="2"/>
      <c r="AJ126" s="2"/>
      <c r="AK126" s="2"/>
      <c r="AL126" s="2"/>
      <c r="AM126" s="2"/>
      <c r="AN126" s="2"/>
      <c r="AO126" s="2"/>
      <c r="AP126" s="2"/>
      <c r="AQ126" s="2"/>
      <c r="AR126" s="2"/>
      <c r="AS126" s="2"/>
      <c r="AT126" s="2"/>
    </row>
    <row r="127" spans="1:46" s="3" customFormat="1" ht="13.5" customHeight="1" x14ac:dyDescent="0.15">
      <c r="A127" s="3">
        <v>126</v>
      </c>
      <c r="B127" s="30" t="s">
        <v>613</v>
      </c>
      <c r="C127" s="27" t="s">
        <v>1274</v>
      </c>
      <c r="D127" s="28">
        <v>145530</v>
      </c>
      <c r="E127" s="32" t="s">
        <v>2863</v>
      </c>
      <c r="F127" s="29" t="s">
        <v>2864</v>
      </c>
      <c r="G127" s="27">
        <v>6</v>
      </c>
    </row>
    <row r="128" spans="1:46" s="3" customFormat="1" ht="13.5" customHeight="1" x14ac:dyDescent="0.15">
      <c r="A128" s="3">
        <v>127</v>
      </c>
      <c r="B128" s="30" t="s">
        <v>613</v>
      </c>
      <c r="C128" s="27" t="s">
        <v>1271</v>
      </c>
      <c r="D128" s="28">
        <v>145550</v>
      </c>
      <c r="E128" s="40" t="s">
        <v>2883</v>
      </c>
      <c r="F128" s="29" t="s">
        <v>2895</v>
      </c>
      <c r="G128" s="27">
        <v>11</v>
      </c>
    </row>
    <row r="129" spans="1:46" s="3" customFormat="1" ht="13.5" customHeight="1" x14ac:dyDescent="0.15">
      <c r="A129" s="3">
        <v>128</v>
      </c>
      <c r="B129" s="30" t="s">
        <v>613</v>
      </c>
      <c r="C129" s="27" t="s">
        <v>885</v>
      </c>
      <c r="D129" s="28">
        <v>145800</v>
      </c>
      <c r="E129" s="40" t="s">
        <v>2966</v>
      </c>
      <c r="F129" s="40" t="s">
        <v>2936</v>
      </c>
      <c r="G129" s="27">
        <v>7</v>
      </c>
      <c r="H129" s="2"/>
      <c r="I129" s="2"/>
      <c r="J129" s="2"/>
      <c r="K129" s="2"/>
      <c r="L129" s="2"/>
      <c r="M129" s="2"/>
      <c r="N129" s="2"/>
      <c r="O129" s="2"/>
      <c r="P129" s="2"/>
      <c r="Q129" s="2"/>
      <c r="R129" s="2"/>
      <c r="S129" s="2"/>
      <c r="T129" s="2"/>
      <c r="U129" s="2"/>
      <c r="V129" s="2"/>
      <c r="W129" s="2"/>
      <c r="X129" s="2"/>
      <c r="Y129" s="2"/>
      <c r="Z129" s="2"/>
      <c r="AA129" s="2"/>
      <c r="AB129" s="2"/>
      <c r="AC129" s="2"/>
      <c r="AD129" s="2"/>
      <c r="AE129" s="2"/>
      <c r="AF129" s="2"/>
      <c r="AG129" s="2"/>
      <c r="AH129" s="2"/>
      <c r="AI129" s="2"/>
      <c r="AJ129" s="2"/>
      <c r="AK129" s="2"/>
      <c r="AL129" s="2"/>
      <c r="AM129" s="2"/>
      <c r="AN129" s="2"/>
      <c r="AO129" s="2"/>
      <c r="AP129" s="2"/>
      <c r="AQ129" s="2"/>
      <c r="AR129" s="2"/>
      <c r="AS129" s="2"/>
      <c r="AT129" s="2"/>
    </row>
    <row r="130" spans="1:46" s="3" customFormat="1" ht="13.5" customHeight="1" x14ac:dyDescent="0.15">
      <c r="A130" s="3">
        <v>129</v>
      </c>
      <c r="B130" s="30" t="s">
        <v>613</v>
      </c>
      <c r="C130" s="27" t="s">
        <v>885</v>
      </c>
      <c r="D130" s="28">
        <v>145890</v>
      </c>
      <c r="E130" s="40" t="s">
        <v>2972</v>
      </c>
      <c r="F130" s="51" t="s">
        <v>2943</v>
      </c>
      <c r="G130" s="27">
        <v>7</v>
      </c>
      <c r="H130" s="2"/>
      <c r="I130" s="2"/>
      <c r="J130" s="2"/>
      <c r="K130" s="2"/>
      <c r="L130" s="2"/>
      <c r="M130" s="2"/>
      <c r="N130" s="2"/>
      <c r="O130" s="2"/>
      <c r="P130" s="2"/>
      <c r="Q130" s="2"/>
      <c r="R130" s="2"/>
      <c r="S130" s="2"/>
      <c r="T130" s="2"/>
      <c r="U130" s="2"/>
      <c r="V130" s="2"/>
      <c r="W130" s="2"/>
      <c r="X130" s="2"/>
      <c r="Y130" s="2"/>
      <c r="Z130" s="2"/>
      <c r="AA130" s="2"/>
      <c r="AB130" s="2"/>
      <c r="AC130" s="2"/>
      <c r="AD130" s="2"/>
      <c r="AE130" s="2"/>
      <c r="AF130" s="2"/>
      <c r="AG130" s="2"/>
      <c r="AH130" s="2"/>
      <c r="AI130" s="2"/>
      <c r="AJ130" s="2"/>
      <c r="AK130" s="2"/>
      <c r="AL130" s="2"/>
      <c r="AM130" s="2"/>
      <c r="AN130" s="2"/>
      <c r="AO130" s="2"/>
      <c r="AP130" s="2"/>
      <c r="AQ130" s="2"/>
      <c r="AR130" s="2"/>
      <c r="AS130" s="2"/>
      <c r="AT130" s="2"/>
    </row>
    <row r="131" spans="1:46" s="3" customFormat="1" ht="13.5" customHeight="1" x14ac:dyDescent="0.15">
      <c r="A131" s="3">
        <v>130</v>
      </c>
      <c r="B131" s="30" t="s">
        <v>613</v>
      </c>
      <c r="C131" s="27" t="s">
        <v>885</v>
      </c>
      <c r="D131" s="28">
        <v>145920</v>
      </c>
      <c r="E131" s="40" t="s">
        <v>2975</v>
      </c>
      <c r="F131" s="51" t="s">
        <v>2946</v>
      </c>
      <c r="G131" s="27">
        <v>4</v>
      </c>
      <c r="H131" s="2"/>
      <c r="I131" s="2"/>
      <c r="J131" s="2"/>
      <c r="K131" s="2"/>
      <c r="L131" s="2"/>
      <c r="M131" s="2"/>
      <c r="N131" s="2"/>
      <c r="O131" s="2"/>
      <c r="P131" s="2"/>
      <c r="Q131" s="2"/>
      <c r="R131" s="2"/>
      <c r="S131" s="2"/>
      <c r="T131" s="2"/>
      <c r="U131" s="2"/>
      <c r="V131" s="2"/>
      <c r="W131" s="2"/>
      <c r="X131" s="2"/>
      <c r="Y131" s="2"/>
      <c r="Z131" s="2"/>
      <c r="AA131" s="2"/>
      <c r="AB131" s="2"/>
      <c r="AC131" s="2"/>
      <c r="AD131" s="2"/>
      <c r="AE131" s="2"/>
      <c r="AF131" s="2"/>
      <c r="AG131" s="2"/>
      <c r="AH131" s="2"/>
      <c r="AI131" s="2"/>
      <c r="AJ131" s="2"/>
      <c r="AK131" s="2"/>
      <c r="AL131" s="2"/>
      <c r="AM131" s="2"/>
      <c r="AN131" s="2"/>
      <c r="AO131" s="2"/>
      <c r="AP131" s="2"/>
      <c r="AQ131" s="2"/>
      <c r="AR131" s="2"/>
      <c r="AS131" s="2"/>
      <c r="AT131" s="2"/>
    </row>
    <row r="132" spans="1:46" s="3" customFormat="1" ht="13.5" customHeight="1" x14ac:dyDescent="0.15">
      <c r="A132" s="3">
        <v>131</v>
      </c>
      <c r="B132" s="30" t="s">
        <v>613</v>
      </c>
      <c r="C132" s="27" t="s">
        <v>885</v>
      </c>
      <c r="D132" s="28">
        <v>145990</v>
      </c>
      <c r="E132" s="41" t="s">
        <v>3113</v>
      </c>
      <c r="F132" s="52" t="s">
        <v>2952</v>
      </c>
      <c r="G132" s="27">
        <v>2</v>
      </c>
      <c r="H132" s="2"/>
      <c r="I132" s="2"/>
      <c r="J132" s="2"/>
      <c r="K132" s="2"/>
      <c r="L132" s="2"/>
      <c r="M132" s="2"/>
      <c r="N132" s="2"/>
      <c r="O132" s="2"/>
      <c r="P132" s="2"/>
      <c r="Q132" s="2"/>
      <c r="R132" s="2"/>
      <c r="S132" s="2"/>
      <c r="T132" s="2"/>
      <c r="U132" s="2"/>
      <c r="V132" s="2"/>
      <c r="W132" s="2"/>
      <c r="X132" s="2"/>
      <c r="Y132" s="2"/>
      <c r="Z132" s="2"/>
      <c r="AA132" s="2"/>
      <c r="AB132" s="2"/>
      <c r="AC132" s="2"/>
      <c r="AD132" s="2"/>
      <c r="AE132" s="2"/>
      <c r="AF132" s="2"/>
      <c r="AG132" s="2"/>
      <c r="AH132" s="2"/>
      <c r="AI132" s="2"/>
      <c r="AJ132" s="2"/>
      <c r="AK132" s="2"/>
      <c r="AL132" s="2"/>
      <c r="AM132" s="2"/>
      <c r="AN132" s="2"/>
      <c r="AO132" s="2"/>
      <c r="AP132" s="2"/>
      <c r="AQ132" s="2"/>
      <c r="AR132" s="2"/>
      <c r="AS132" s="2"/>
      <c r="AT132" s="2"/>
    </row>
    <row r="133" spans="1:46" s="3" customFormat="1" ht="13.5" customHeight="1" x14ac:dyDescent="0.15">
      <c r="A133" s="3">
        <v>132</v>
      </c>
      <c r="B133" s="30" t="s">
        <v>613</v>
      </c>
      <c r="C133" s="27" t="s">
        <v>885</v>
      </c>
      <c r="D133" s="28">
        <v>146100</v>
      </c>
      <c r="E133" s="40" t="s">
        <v>3124</v>
      </c>
      <c r="F133" s="29" t="s">
        <v>2987</v>
      </c>
      <c r="G133" s="27">
        <v>8</v>
      </c>
      <c r="H133" s="5"/>
      <c r="I133" s="5"/>
      <c r="J133" s="5"/>
      <c r="K133" s="5"/>
      <c r="L133" s="5"/>
      <c r="M133" s="5"/>
      <c r="N133" s="5"/>
      <c r="O133" s="5"/>
      <c r="P133" s="5"/>
      <c r="Q133" s="5"/>
      <c r="R133" s="5"/>
      <c r="S133" s="5"/>
      <c r="T133" s="5"/>
      <c r="U133" s="5"/>
      <c r="V133" s="5"/>
      <c r="W133" s="5"/>
      <c r="X133" s="5"/>
      <c r="Y133" s="5"/>
      <c r="Z133" s="5"/>
      <c r="AA133" s="5"/>
      <c r="AB133" s="5"/>
      <c r="AC133" s="5"/>
      <c r="AD133" s="5"/>
      <c r="AE133" s="5"/>
      <c r="AF133" s="5"/>
      <c r="AG133" s="5"/>
      <c r="AH133" s="5"/>
      <c r="AI133" s="5"/>
      <c r="AJ133" s="5"/>
      <c r="AK133" s="5"/>
      <c r="AL133" s="5"/>
      <c r="AM133" s="5"/>
      <c r="AN133" s="5"/>
      <c r="AO133" s="5"/>
      <c r="AP133" s="5"/>
      <c r="AQ133" s="5"/>
      <c r="AR133" s="5"/>
      <c r="AS133" s="5"/>
      <c r="AT133" s="5"/>
    </row>
    <row r="134" spans="1:46" s="3" customFormat="1" ht="13.5" customHeight="1" x14ac:dyDescent="0.15">
      <c r="A134" s="3">
        <v>133</v>
      </c>
      <c r="B134" s="30" t="s">
        <v>3220</v>
      </c>
      <c r="C134" s="27" t="s">
        <v>3221</v>
      </c>
      <c r="D134" s="28">
        <v>146160</v>
      </c>
      <c r="E134" s="40" t="s">
        <v>3222</v>
      </c>
      <c r="F134" s="29" t="s">
        <v>3223</v>
      </c>
      <c r="G134" s="27">
        <v>8</v>
      </c>
      <c r="H134" s="2"/>
      <c r="I134" s="2"/>
      <c r="J134" s="2"/>
      <c r="K134" s="2"/>
      <c r="L134" s="2"/>
      <c r="M134" s="2"/>
      <c r="N134" s="2"/>
      <c r="O134" s="2"/>
      <c r="P134" s="2"/>
      <c r="Q134" s="2"/>
      <c r="R134" s="2"/>
      <c r="S134" s="2"/>
      <c r="T134" s="2"/>
      <c r="U134" s="2"/>
      <c r="V134" s="2"/>
      <c r="W134" s="2"/>
      <c r="X134" s="2"/>
      <c r="Y134" s="2"/>
      <c r="Z134" s="2"/>
      <c r="AA134" s="2"/>
      <c r="AB134" s="2"/>
      <c r="AC134" s="2"/>
      <c r="AD134" s="2"/>
      <c r="AE134" s="2"/>
      <c r="AF134" s="2"/>
      <c r="AG134" s="2"/>
      <c r="AH134" s="2"/>
      <c r="AI134" s="2"/>
      <c r="AJ134" s="2"/>
      <c r="AK134" s="2"/>
      <c r="AL134" s="2"/>
      <c r="AM134" s="2"/>
      <c r="AN134" s="2"/>
      <c r="AO134" s="2"/>
      <c r="AP134" s="2"/>
      <c r="AQ134" s="2"/>
      <c r="AR134" s="2"/>
      <c r="AS134" s="2"/>
      <c r="AT134" s="2"/>
    </row>
    <row r="135" spans="1:46" s="3" customFormat="1" ht="13.5" customHeight="1" x14ac:dyDescent="0.15">
      <c r="A135" s="3">
        <v>134</v>
      </c>
      <c r="B135" s="30" t="s">
        <v>3219</v>
      </c>
      <c r="C135" s="27" t="s">
        <v>3221</v>
      </c>
      <c r="D135" s="28">
        <v>146200</v>
      </c>
      <c r="E135" s="41" t="s">
        <v>3229</v>
      </c>
      <c r="F135" s="52" t="s">
        <v>3230</v>
      </c>
      <c r="G135" s="27">
        <v>6</v>
      </c>
      <c r="H135" s="2"/>
      <c r="I135" s="2"/>
      <c r="J135" s="2"/>
      <c r="K135" s="2"/>
      <c r="L135" s="2"/>
      <c r="M135" s="2"/>
      <c r="N135" s="2"/>
      <c r="O135" s="2"/>
      <c r="P135" s="2"/>
      <c r="Q135" s="2"/>
      <c r="R135" s="2"/>
      <c r="S135" s="2"/>
      <c r="T135" s="2"/>
      <c r="U135" s="2"/>
      <c r="V135" s="2"/>
      <c r="W135" s="2"/>
      <c r="X135" s="2"/>
      <c r="Y135" s="2"/>
      <c r="Z135" s="2"/>
      <c r="AA135" s="2"/>
      <c r="AB135" s="2"/>
      <c r="AC135" s="2"/>
      <c r="AD135" s="2"/>
      <c r="AE135" s="2"/>
      <c r="AF135" s="2"/>
      <c r="AG135" s="2"/>
      <c r="AH135" s="2"/>
      <c r="AI135" s="2"/>
      <c r="AJ135" s="2"/>
      <c r="AK135" s="2"/>
      <c r="AL135" s="2"/>
      <c r="AM135" s="2"/>
      <c r="AN135" s="2"/>
      <c r="AO135" s="2"/>
      <c r="AP135" s="2"/>
      <c r="AQ135" s="2"/>
      <c r="AR135" s="2"/>
      <c r="AS135" s="2"/>
      <c r="AT135" s="2"/>
    </row>
    <row r="136" spans="1:46" s="3" customFormat="1" ht="13.5" customHeight="1" x14ac:dyDescent="0.15">
      <c r="A136" s="3">
        <v>135</v>
      </c>
      <c r="B136" s="30" t="s">
        <v>613</v>
      </c>
      <c r="C136" s="39" t="s">
        <v>885</v>
      </c>
      <c r="D136" s="33">
        <v>146350</v>
      </c>
      <c r="E136" s="40" t="s">
        <v>3154</v>
      </c>
      <c r="F136" s="29" t="s">
        <v>3160</v>
      </c>
      <c r="G136" s="27">
        <v>2</v>
      </c>
    </row>
    <row r="137" spans="1:46" s="3" customFormat="1" ht="13.5" customHeight="1" x14ac:dyDescent="0.15">
      <c r="A137" s="3">
        <v>136</v>
      </c>
      <c r="B137" s="30" t="s">
        <v>613</v>
      </c>
      <c r="C137" s="39" t="s">
        <v>885</v>
      </c>
      <c r="D137" s="33">
        <v>146370</v>
      </c>
      <c r="E137" s="40" t="s">
        <v>3135</v>
      </c>
      <c r="F137" s="29" t="s">
        <v>3161</v>
      </c>
      <c r="G137" s="27">
        <v>8</v>
      </c>
    </row>
    <row r="138" spans="1:46" s="3" customFormat="1" ht="13.5" customHeight="1" x14ac:dyDescent="0.15">
      <c r="A138" s="3">
        <v>137</v>
      </c>
      <c r="B138" s="30" t="s">
        <v>613</v>
      </c>
      <c r="C138" s="39" t="s">
        <v>885</v>
      </c>
      <c r="D138" s="33">
        <v>146510</v>
      </c>
      <c r="E138" s="40" t="s">
        <v>3156</v>
      </c>
      <c r="F138" s="29" t="s">
        <v>3175</v>
      </c>
      <c r="G138" s="27">
        <v>2</v>
      </c>
    </row>
    <row r="139" spans="1:46" s="3" customFormat="1" ht="13.5" customHeight="1" x14ac:dyDescent="0.15">
      <c r="A139" s="3">
        <v>138</v>
      </c>
      <c r="B139" s="30" t="s">
        <v>613</v>
      </c>
      <c r="C139" s="39" t="s">
        <v>885</v>
      </c>
      <c r="D139" s="33">
        <v>146520</v>
      </c>
      <c r="E139" s="40" t="s">
        <v>3147</v>
      </c>
      <c r="F139" s="29" t="s">
        <v>3176</v>
      </c>
      <c r="G139" s="27">
        <v>3</v>
      </c>
    </row>
    <row r="140" spans="1:46" s="3" customFormat="1" ht="13.5" customHeight="1" x14ac:dyDescent="0.15">
      <c r="A140" s="3">
        <v>139</v>
      </c>
      <c r="B140" s="30" t="s">
        <v>613</v>
      </c>
      <c r="C140" s="27" t="s">
        <v>1274</v>
      </c>
      <c r="D140" s="28">
        <v>146650</v>
      </c>
      <c r="E140" s="29" t="s">
        <v>3194</v>
      </c>
      <c r="F140" s="29" t="s">
        <v>3195</v>
      </c>
      <c r="G140" s="27">
        <v>9</v>
      </c>
      <c r="H140" s="2"/>
      <c r="I140" s="2"/>
      <c r="J140" s="2"/>
      <c r="K140" s="2"/>
      <c r="L140" s="2"/>
      <c r="M140" s="2"/>
      <c r="N140" s="2"/>
      <c r="O140" s="2"/>
      <c r="P140" s="2"/>
      <c r="Q140" s="2"/>
      <c r="R140" s="2"/>
      <c r="S140" s="2"/>
      <c r="T140" s="2"/>
      <c r="U140" s="2"/>
      <c r="V140" s="2"/>
      <c r="W140" s="2"/>
      <c r="X140" s="2"/>
      <c r="Y140" s="2"/>
      <c r="Z140" s="2"/>
      <c r="AA140" s="2"/>
      <c r="AB140" s="2"/>
      <c r="AC140" s="2"/>
      <c r="AD140" s="2"/>
      <c r="AE140" s="2"/>
      <c r="AF140" s="2"/>
      <c r="AG140" s="2"/>
      <c r="AH140" s="2"/>
      <c r="AI140" s="2"/>
      <c r="AJ140" s="2"/>
      <c r="AK140" s="2"/>
      <c r="AL140" s="2"/>
      <c r="AM140" s="2"/>
      <c r="AN140" s="2"/>
      <c r="AO140" s="2"/>
      <c r="AP140" s="2"/>
      <c r="AQ140" s="2"/>
      <c r="AR140" s="2"/>
      <c r="AS140" s="2"/>
      <c r="AT140" s="2"/>
    </row>
    <row r="141" spans="1:46" s="3" customFormat="1" ht="13.5" customHeight="1" x14ac:dyDescent="0.15">
      <c r="A141" s="3">
        <v>140</v>
      </c>
      <c r="B141" s="30" t="s">
        <v>613</v>
      </c>
      <c r="C141" s="27" t="s">
        <v>3257</v>
      </c>
      <c r="D141" s="28">
        <v>146680</v>
      </c>
      <c r="E141" s="29" t="s">
        <v>3272</v>
      </c>
      <c r="F141" s="53" t="s">
        <v>3273</v>
      </c>
      <c r="G141" s="27">
        <v>4</v>
      </c>
      <c r="H141" s="2"/>
      <c r="I141" s="2"/>
      <c r="J141" s="2"/>
      <c r="K141" s="2"/>
      <c r="L141" s="2"/>
      <c r="M141" s="2"/>
      <c r="N141" s="2"/>
      <c r="O141" s="2"/>
      <c r="P141" s="2"/>
      <c r="Q141" s="2"/>
      <c r="R141" s="2"/>
      <c r="S141" s="2"/>
      <c r="T141" s="2"/>
      <c r="U141" s="2"/>
      <c r="V141" s="2"/>
      <c r="W141" s="2"/>
      <c r="X141" s="2"/>
      <c r="Y141" s="2"/>
      <c r="Z141" s="2"/>
      <c r="AA141" s="2"/>
      <c r="AB141" s="2"/>
      <c r="AC141" s="2"/>
      <c r="AD141" s="2"/>
      <c r="AE141" s="2"/>
      <c r="AF141" s="2"/>
      <c r="AG141" s="2"/>
      <c r="AH141" s="2"/>
      <c r="AI141" s="2"/>
      <c r="AJ141" s="2"/>
      <c r="AK141" s="2"/>
      <c r="AL141" s="2"/>
      <c r="AM141" s="2"/>
      <c r="AN141" s="2"/>
      <c r="AO141" s="2"/>
      <c r="AP141" s="2"/>
      <c r="AQ141" s="2"/>
      <c r="AR141" s="2"/>
      <c r="AS141" s="2"/>
      <c r="AT141" s="2"/>
    </row>
    <row r="142" spans="1:46" s="3" customFormat="1" ht="13.5" customHeight="1" x14ac:dyDescent="0.15">
      <c r="A142" s="3">
        <v>141</v>
      </c>
      <c r="B142" s="30" t="s">
        <v>613</v>
      </c>
      <c r="C142" s="27" t="s">
        <v>3257</v>
      </c>
      <c r="D142" s="28">
        <v>146690</v>
      </c>
      <c r="E142" s="29" t="s">
        <v>3274</v>
      </c>
      <c r="F142" s="53" t="s">
        <v>3275</v>
      </c>
      <c r="G142" s="27">
        <v>8</v>
      </c>
      <c r="H142" s="2"/>
      <c r="I142" s="2"/>
      <c r="J142" s="2"/>
      <c r="K142" s="2"/>
      <c r="L142" s="2"/>
      <c r="M142" s="2"/>
      <c r="N142" s="2"/>
      <c r="O142" s="2"/>
      <c r="P142" s="2"/>
      <c r="Q142" s="2"/>
      <c r="R142" s="2"/>
      <c r="S142" s="2"/>
      <c r="T142" s="2"/>
      <c r="U142" s="2"/>
      <c r="V142" s="2"/>
      <c r="W142" s="2"/>
      <c r="X142" s="2"/>
      <c r="Y142" s="2"/>
      <c r="Z142" s="2"/>
      <c r="AA142" s="2"/>
      <c r="AB142" s="2"/>
      <c r="AC142" s="2"/>
      <c r="AD142" s="2"/>
      <c r="AE142" s="2"/>
      <c r="AF142" s="2"/>
      <c r="AG142" s="2"/>
      <c r="AH142" s="2"/>
      <c r="AI142" s="2"/>
      <c r="AJ142" s="2"/>
      <c r="AK142" s="2"/>
      <c r="AL142" s="2"/>
      <c r="AM142" s="2"/>
      <c r="AN142" s="2"/>
      <c r="AO142" s="2"/>
      <c r="AP142" s="2"/>
      <c r="AQ142" s="2"/>
      <c r="AR142" s="2"/>
      <c r="AS142" s="2"/>
      <c r="AT142" s="2"/>
    </row>
    <row r="143" spans="1:46" s="3" customFormat="1" ht="13.5" customHeight="1" x14ac:dyDescent="0.15">
      <c r="A143" s="3">
        <v>142</v>
      </c>
      <c r="B143" s="30" t="s">
        <v>613</v>
      </c>
      <c r="C143" s="27" t="s">
        <v>3257</v>
      </c>
      <c r="D143" s="28">
        <v>146700</v>
      </c>
      <c r="E143" s="29" t="s">
        <v>3276</v>
      </c>
      <c r="F143" s="53" t="s">
        <v>3275</v>
      </c>
      <c r="G143" s="27">
        <v>8</v>
      </c>
      <c r="H143" s="2"/>
      <c r="I143" s="2"/>
      <c r="J143" s="2"/>
      <c r="K143" s="2"/>
      <c r="L143" s="2"/>
      <c r="M143" s="2"/>
      <c r="N143" s="2"/>
      <c r="O143" s="2"/>
      <c r="P143" s="2"/>
      <c r="Q143" s="2"/>
      <c r="R143" s="2"/>
      <c r="S143" s="2"/>
      <c r="T143" s="2"/>
      <c r="U143" s="2"/>
      <c r="V143" s="2"/>
      <c r="W143" s="2"/>
      <c r="X143" s="2"/>
      <c r="Y143" s="2"/>
      <c r="Z143" s="2"/>
      <c r="AA143" s="2"/>
      <c r="AB143" s="2"/>
      <c r="AC143" s="2"/>
      <c r="AD143" s="2"/>
      <c r="AE143" s="2"/>
      <c r="AF143" s="2"/>
      <c r="AG143" s="2"/>
      <c r="AH143" s="2"/>
      <c r="AI143" s="2"/>
      <c r="AJ143" s="2"/>
      <c r="AK143" s="2"/>
      <c r="AL143" s="2"/>
      <c r="AM143" s="2"/>
      <c r="AN143" s="2"/>
      <c r="AO143" s="2"/>
      <c r="AP143" s="2"/>
      <c r="AQ143" s="2"/>
      <c r="AR143" s="2"/>
      <c r="AS143" s="2"/>
      <c r="AT143" s="2"/>
    </row>
    <row r="144" spans="1:46" s="3" customFormat="1" ht="13.5" customHeight="1" x14ac:dyDescent="0.15">
      <c r="A144" s="3">
        <v>143</v>
      </c>
      <c r="B144" s="30" t="s">
        <v>613</v>
      </c>
      <c r="C144" s="27" t="s">
        <v>3257</v>
      </c>
      <c r="D144" s="28">
        <v>146900</v>
      </c>
      <c r="E144" s="29" t="s">
        <v>3315</v>
      </c>
      <c r="F144" s="53" t="s">
        <v>3316</v>
      </c>
      <c r="G144" s="27">
        <v>4</v>
      </c>
      <c r="H144" s="2"/>
      <c r="I144" s="2"/>
      <c r="J144" s="2"/>
      <c r="K144" s="2"/>
      <c r="L144" s="2"/>
      <c r="M144" s="2"/>
      <c r="N144" s="2"/>
      <c r="O144" s="2"/>
      <c r="P144" s="2"/>
      <c r="Q144" s="2"/>
      <c r="R144" s="2"/>
      <c r="S144" s="2"/>
      <c r="T144" s="2"/>
      <c r="U144" s="2"/>
      <c r="V144" s="2"/>
      <c r="W144" s="2"/>
      <c r="X144" s="2"/>
      <c r="Y144" s="2"/>
      <c r="Z144" s="2"/>
      <c r="AA144" s="2"/>
      <c r="AB144" s="2"/>
      <c r="AC144" s="2"/>
      <c r="AD144" s="2"/>
      <c r="AE144" s="2"/>
      <c r="AF144" s="2"/>
      <c r="AG144" s="2"/>
      <c r="AH144" s="2"/>
      <c r="AI144" s="2"/>
      <c r="AJ144" s="2"/>
      <c r="AK144" s="2"/>
      <c r="AL144" s="2"/>
      <c r="AM144" s="2"/>
      <c r="AN144" s="2"/>
      <c r="AO144" s="2"/>
      <c r="AP144" s="2"/>
      <c r="AQ144" s="2"/>
      <c r="AR144" s="2"/>
      <c r="AS144" s="2"/>
      <c r="AT144" s="2"/>
    </row>
    <row r="145" spans="1:46" s="3" customFormat="1" ht="13.5" customHeight="1" x14ac:dyDescent="0.15">
      <c r="A145" s="3">
        <v>144</v>
      </c>
      <c r="B145" s="30" t="s">
        <v>613</v>
      </c>
      <c r="C145" s="27" t="s">
        <v>3257</v>
      </c>
      <c r="D145" s="28">
        <v>146910</v>
      </c>
      <c r="E145" s="29" t="s">
        <v>3317</v>
      </c>
      <c r="F145" s="53" t="s">
        <v>3318</v>
      </c>
      <c r="G145" s="27">
        <v>1</v>
      </c>
      <c r="H145" s="2"/>
      <c r="I145" s="2"/>
      <c r="J145" s="2"/>
      <c r="K145" s="2"/>
      <c r="L145" s="2"/>
      <c r="M145" s="2"/>
      <c r="N145" s="2"/>
      <c r="O145" s="2"/>
      <c r="P145" s="2"/>
      <c r="Q145" s="2"/>
      <c r="R145" s="2"/>
      <c r="S145" s="2"/>
      <c r="T145" s="2"/>
      <c r="U145" s="2"/>
      <c r="V145" s="2"/>
      <c r="W145" s="2"/>
      <c r="X145" s="2"/>
      <c r="Y145" s="2"/>
      <c r="Z145" s="2"/>
      <c r="AA145" s="2"/>
      <c r="AB145" s="2"/>
      <c r="AC145" s="2"/>
      <c r="AD145" s="2"/>
      <c r="AE145" s="2"/>
      <c r="AF145" s="2"/>
      <c r="AG145" s="2"/>
      <c r="AH145" s="2"/>
      <c r="AI145" s="2"/>
      <c r="AJ145" s="2"/>
      <c r="AK145" s="2"/>
      <c r="AL145" s="2"/>
      <c r="AM145" s="2"/>
      <c r="AN145" s="2"/>
      <c r="AO145" s="2"/>
      <c r="AP145" s="2"/>
      <c r="AQ145" s="2"/>
      <c r="AR145" s="2"/>
      <c r="AS145" s="2"/>
      <c r="AT145" s="2"/>
    </row>
    <row r="146" spans="1:46" s="6" customFormat="1" ht="13.5" customHeight="1" x14ac:dyDescent="0.15">
      <c r="A146" s="3">
        <v>145</v>
      </c>
      <c r="B146" s="30" t="s">
        <v>613</v>
      </c>
      <c r="C146" s="27" t="s">
        <v>3257</v>
      </c>
      <c r="D146" s="28">
        <v>146920</v>
      </c>
      <c r="E146" s="29" t="s">
        <v>3319</v>
      </c>
      <c r="F146" s="53" t="s">
        <v>3320</v>
      </c>
      <c r="G146" s="27">
        <v>4</v>
      </c>
      <c r="H146" s="20"/>
    </row>
    <row r="147" spans="1:46" s="3" customFormat="1" ht="13.5" customHeight="1" x14ac:dyDescent="0.15">
      <c r="A147" s="3">
        <v>146</v>
      </c>
      <c r="B147" s="30" t="s">
        <v>613</v>
      </c>
      <c r="C147" s="27" t="s">
        <v>3256</v>
      </c>
      <c r="D147" s="28">
        <v>147000</v>
      </c>
      <c r="E147" s="29" t="s">
        <v>3337</v>
      </c>
      <c r="F147" s="29" t="s">
        <v>3338</v>
      </c>
      <c r="G147" s="27">
        <v>2</v>
      </c>
      <c r="H147" s="5"/>
      <c r="I147" s="5"/>
      <c r="J147" s="5"/>
      <c r="K147" s="5"/>
      <c r="L147" s="5"/>
      <c r="M147" s="5"/>
      <c r="N147" s="5"/>
      <c r="O147" s="5"/>
      <c r="P147" s="5"/>
      <c r="Q147" s="5"/>
      <c r="R147" s="5"/>
      <c r="S147" s="5"/>
      <c r="T147" s="5"/>
      <c r="U147" s="5"/>
      <c r="V147" s="5"/>
      <c r="W147" s="5"/>
      <c r="X147" s="5"/>
      <c r="Y147" s="5"/>
      <c r="Z147" s="5"/>
      <c r="AA147" s="5"/>
      <c r="AB147" s="5"/>
      <c r="AC147" s="5"/>
      <c r="AD147" s="5"/>
      <c r="AE147" s="5"/>
      <c r="AF147" s="5"/>
      <c r="AG147" s="5"/>
      <c r="AH147" s="5"/>
      <c r="AI147" s="5"/>
      <c r="AJ147" s="5"/>
      <c r="AK147" s="5"/>
      <c r="AL147" s="5"/>
      <c r="AM147" s="5"/>
      <c r="AN147" s="5"/>
      <c r="AO147" s="5"/>
      <c r="AP147" s="5"/>
      <c r="AQ147" s="5"/>
      <c r="AR147" s="5"/>
      <c r="AS147" s="5"/>
      <c r="AT147" s="5"/>
    </row>
    <row r="148" spans="1:46" s="3" customFormat="1" ht="13.5" customHeight="1" x14ac:dyDescent="0.15">
      <c r="A148" s="3">
        <v>147</v>
      </c>
      <c r="B148" s="30" t="s">
        <v>613</v>
      </c>
      <c r="C148" s="27" t="s">
        <v>3351</v>
      </c>
      <c r="D148" s="28">
        <v>147010</v>
      </c>
      <c r="E148" s="29" t="s">
        <v>3352</v>
      </c>
      <c r="F148" s="29" t="s">
        <v>3353</v>
      </c>
      <c r="G148" s="27">
        <v>6</v>
      </c>
      <c r="H148" s="5"/>
      <c r="I148" s="5"/>
      <c r="J148" s="5"/>
      <c r="K148" s="5"/>
      <c r="L148" s="5"/>
      <c r="M148" s="5"/>
      <c r="N148" s="5"/>
      <c r="O148" s="5"/>
      <c r="P148" s="5"/>
      <c r="Q148" s="5"/>
      <c r="R148" s="5"/>
      <c r="S148" s="5"/>
      <c r="T148" s="5"/>
      <c r="U148" s="5"/>
      <c r="V148" s="5"/>
      <c r="W148" s="5"/>
      <c r="X148" s="5"/>
      <c r="Y148" s="5"/>
      <c r="Z148" s="5"/>
      <c r="AA148" s="5"/>
      <c r="AB148" s="5"/>
      <c r="AC148" s="5"/>
      <c r="AD148" s="5"/>
      <c r="AE148" s="5"/>
      <c r="AF148" s="5"/>
      <c r="AG148" s="5"/>
      <c r="AH148" s="5"/>
      <c r="AI148" s="5"/>
      <c r="AJ148" s="5"/>
      <c r="AK148" s="5"/>
      <c r="AL148" s="5"/>
      <c r="AM148" s="5"/>
      <c r="AN148" s="5"/>
      <c r="AO148" s="5"/>
      <c r="AP148" s="5"/>
      <c r="AQ148" s="5"/>
      <c r="AR148" s="5"/>
      <c r="AS148" s="5"/>
      <c r="AT148" s="5"/>
    </row>
    <row r="149" spans="1:46" s="3" customFormat="1" ht="13.5" customHeight="1" x14ac:dyDescent="0.15">
      <c r="A149" s="3">
        <v>148</v>
      </c>
      <c r="B149" s="30" t="s">
        <v>613</v>
      </c>
      <c r="C149" s="27" t="s">
        <v>3414</v>
      </c>
      <c r="D149" s="28">
        <v>147140</v>
      </c>
      <c r="E149" s="29" t="s">
        <v>3375</v>
      </c>
      <c r="F149" s="29" t="s">
        <v>3396</v>
      </c>
      <c r="G149" s="27">
        <v>7</v>
      </c>
      <c r="H149" s="2"/>
      <c r="I149" s="2"/>
      <c r="J149" s="2"/>
      <c r="K149" s="2"/>
      <c r="L149" s="2"/>
      <c r="M149" s="2"/>
      <c r="N149" s="2"/>
      <c r="O149" s="2"/>
      <c r="P149" s="2"/>
      <c r="Q149" s="2"/>
      <c r="R149" s="2"/>
      <c r="S149" s="2"/>
      <c r="T149" s="2"/>
      <c r="U149" s="2"/>
      <c r="V149" s="2"/>
      <c r="W149" s="2"/>
      <c r="X149" s="2"/>
      <c r="Y149" s="2"/>
      <c r="Z149" s="2"/>
      <c r="AA149" s="2"/>
      <c r="AB149" s="2"/>
      <c r="AC149" s="2"/>
      <c r="AD149" s="2"/>
      <c r="AE149" s="2"/>
      <c r="AF149" s="2"/>
      <c r="AG149" s="2"/>
      <c r="AH149" s="2"/>
      <c r="AI149" s="2"/>
      <c r="AJ149" s="2"/>
      <c r="AK149" s="2"/>
      <c r="AL149" s="2"/>
      <c r="AM149" s="2"/>
      <c r="AN149" s="2"/>
      <c r="AO149" s="2"/>
      <c r="AP149" s="2"/>
      <c r="AQ149" s="2"/>
      <c r="AR149" s="2"/>
      <c r="AS149" s="2"/>
      <c r="AT149" s="2"/>
    </row>
    <row r="150" spans="1:46" s="3" customFormat="1" ht="13.5" customHeight="1" x14ac:dyDescent="0.15">
      <c r="A150" s="3">
        <v>149</v>
      </c>
      <c r="B150" s="30" t="s">
        <v>613</v>
      </c>
      <c r="C150" s="27" t="s">
        <v>3559</v>
      </c>
      <c r="D150" s="28">
        <v>147560</v>
      </c>
      <c r="E150" s="42" t="s">
        <v>3509</v>
      </c>
      <c r="F150" s="29" t="s">
        <v>3549</v>
      </c>
      <c r="G150" s="27">
        <v>3</v>
      </c>
      <c r="H150" s="2"/>
      <c r="I150" s="2"/>
      <c r="J150" s="2"/>
      <c r="K150" s="2"/>
      <c r="L150" s="2"/>
      <c r="M150" s="2"/>
      <c r="N150" s="2"/>
      <c r="O150" s="2"/>
      <c r="P150" s="2"/>
      <c r="Q150" s="2"/>
      <c r="R150" s="2"/>
      <c r="S150" s="2"/>
      <c r="T150" s="2"/>
      <c r="U150" s="2"/>
      <c r="V150" s="2"/>
      <c r="W150" s="2"/>
      <c r="X150" s="2"/>
      <c r="Y150" s="2"/>
      <c r="Z150" s="2"/>
      <c r="AA150" s="2"/>
      <c r="AB150" s="2"/>
      <c r="AC150" s="2"/>
      <c r="AD150" s="2"/>
      <c r="AE150" s="2"/>
      <c r="AF150" s="2"/>
      <c r="AG150" s="2"/>
      <c r="AH150" s="2"/>
      <c r="AI150" s="2"/>
      <c r="AJ150" s="2"/>
      <c r="AK150" s="2"/>
      <c r="AL150" s="2"/>
      <c r="AM150" s="2"/>
      <c r="AN150" s="2"/>
      <c r="AO150" s="2"/>
      <c r="AP150" s="2"/>
      <c r="AQ150" s="2"/>
      <c r="AR150" s="2"/>
      <c r="AS150" s="2"/>
      <c r="AT150" s="2"/>
    </row>
    <row r="151" spans="1:46" s="3" customFormat="1" ht="13.5" customHeight="1" x14ac:dyDescent="0.15">
      <c r="A151" s="3">
        <v>150</v>
      </c>
      <c r="B151" s="30" t="s">
        <v>613</v>
      </c>
      <c r="C151" s="27" t="s">
        <v>3559</v>
      </c>
      <c r="D151" s="28">
        <v>147630</v>
      </c>
      <c r="E151" s="42" t="s">
        <v>3516</v>
      </c>
      <c r="F151" s="29" t="s">
        <v>3536</v>
      </c>
      <c r="G151" s="27">
        <v>7</v>
      </c>
      <c r="H151" s="2"/>
      <c r="I151" s="2"/>
      <c r="J151" s="2"/>
      <c r="K151" s="2"/>
      <c r="L151" s="2"/>
      <c r="M151" s="2"/>
      <c r="N151" s="2"/>
      <c r="O151" s="2"/>
      <c r="P151" s="2"/>
      <c r="Q151" s="2"/>
      <c r="R151" s="2"/>
      <c r="S151" s="2"/>
      <c r="T151" s="2"/>
      <c r="U151" s="2"/>
      <c r="V151" s="2"/>
      <c r="W151" s="2"/>
      <c r="X151" s="2"/>
      <c r="Y151" s="2"/>
      <c r="Z151" s="2"/>
      <c r="AA151" s="2"/>
      <c r="AB151" s="2"/>
      <c r="AC151" s="2"/>
      <c r="AD151" s="2"/>
      <c r="AE151" s="2"/>
      <c r="AF151" s="2"/>
      <c r="AG151" s="2"/>
      <c r="AH151" s="2"/>
      <c r="AI151" s="2"/>
      <c r="AJ151" s="2"/>
      <c r="AK151" s="2"/>
      <c r="AL151" s="2"/>
      <c r="AM151" s="2"/>
      <c r="AN151" s="2"/>
      <c r="AO151" s="2"/>
      <c r="AP151" s="2"/>
      <c r="AQ151" s="2"/>
      <c r="AR151" s="2"/>
      <c r="AS151" s="2"/>
      <c r="AT151" s="2"/>
    </row>
    <row r="152" spans="1:46" s="3" customFormat="1" ht="13.5" customHeight="1" x14ac:dyDescent="0.15">
      <c r="A152" s="3">
        <v>151</v>
      </c>
      <c r="B152" s="30" t="s">
        <v>613</v>
      </c>
      <c r="C152" s="27" t="s">
        <v>3559</v>
      </c>
      <c r="D152" s="28">
        <v>147690</v>
      </c>
      <c r="E152" s="42" t="s">
        <v>3522</v>
      </c>
      <c r="F152" s="29" t="s">
        <v>3540</v>
      </c>
      <c r="G152" s="27">
        <v>2</v>
      </c>
      <c r="H152" s="2"/>
      <c r="I152" s="2"/>
      <c r="J152" s="2"/>
      <c r="K152" s="2"/>
      <c r="L152" s="2"/>
      <c r="M152" s="2"/>
      <c r="N152" s="2"/>
      <c r="O152" s="2"/>
      <c r="P152" s="2"/>
      <c r="Q152" s="2"/>
      <c r="R152" s="2"/>
      <c r="S152" s="2"/>
      <c r="T152" s="2"/>
      <c r="U152" s="2"/>
      <c r="V152" s="2"/>
      <c r="W152" s="2"/>
      <c r="X152" s="2"/>
      <c r="Y152" s="2"/>
      <c r="Z152" s="2"/>
      <c r="AA152" s="2"/>
      <c r="AB152" s="2"/>
      <c r="AC152" s="2"/>
      <c r="AD152" s="2"/>
      <c r="AE152" s="2"/>
      <c r="AF152" s="2"/>
      <c r="AG152" s="2"/>
      <c r="AH152" s="2"/>
      <c r="AI152" s="2"/>
      <c r="AJ152" s="2"/>
      <c r="AK152" s="2"/>
      <c r="AL152" s="2"/>
      <c r="AM152" s="2"/>
      <c r="AN152" s="2"/>
      <c r="AO152" s="2"/>
      <c r="AP152" s="2"/>
      <c r="AQ152" s="2"/>
      <c r="AR152" s="2"/>
      <c r="AS152" s="2"/>
      <c r="AT152" s="2"/>
    </row>
    <row r="153" spans="1:46" s="3" customFormat="1" ht="13.5" customHeight="1" x14ac:dyDescent="0.15">
      <c r="A153" s="3">
        <v>152</v>
      </c>
      <c r="B153" s="26" t="s">
        <v>1051</v>
      </c>
      <c r="C153" s="27" t="s">
        <v>980</v>
      </c>
      <c r="D153" s="28">
        <v>21</v>
      </c>
      <c r="E153" s="29" t="s">
        <v>2555</v>
      </c>
      <c r="F153" s="29" t="s">
        <v>1188</v>
      </c>
      <c r="G153" s="27">
        <v>3</v>
      </c>
      <c r="H153" s="2"/>
      <c r="I153" s="2"/>
      <c r="J153" s="2"/>
      <c r="K153" s="2"/>
      <c r="L153" s="2"/>
      <c r="M153" s="2"/>
      <c r="N153" s="2"/>
      <c r="O153" s="2"/>
      <c r="P153" s="2"/>
      <c r="Q153" s="2"/>
      <c r="R153" s="2"/>
      <c r="S153" s="2"/>
      <c r="T153" s="2"/>
      <c r="U153" s="2"/>
      <c r="V153" s="2"/>
      <c r="W153" s="2"/>
      <c r="X153" s="2"/>
      <c r="Y153" s="2"/>
      <c r="Z153" s="2"/>
      <c r="AA153" s="2"/>
      <c r="AB153" s="2"/>
      <c r="AC153" s="2"/>
      <c r="AD153" s="2"/>
      <c r="AE153" s="2"/>
      <c r="AF153" s="2"/>
      <c r="AG153" s="2"/>
      <c r="AH153" s="2"/>
      <c r="AI153" s="2"/>
      <c r="AJ153" s="2"/>
      <c r="AK153" s="2"/>
      <c r="AL153" s="2"/>
      <c r="AM153" s="2"/>
      <c r="AN153" s="2"/>
      <c r="AO153" s="2"/>
      <c r="AP153" s="2"/>
      <c r="AQ153" s="2"/>
      <c r="AR153" s="2"/>
      <c r="AS153" s="2"/>
      <c r="AT153" s="2"/>
    </row>
    <row r="154" spans="1:46" s="3" customFormat="1" ht="13.5" customHeight="1" x14ac:dyDescent="0.15">
      <c r="A154" s="3">
        <v>153</v>
      </c>
      <c r="B154" s="26" t="s">
        <v>1051</v>
      </c>
      <c r="C154" s="27" t="s">
        <v>980</v>
      </c>
      <c r="D154" s="28">
        <v>41</v>
      </c>
      <c r="E154" s="29" t="s">
        <v>3569</v>
      </c>
      <c r="F154" s="29" t="s">
        <v>3570</v>
      </c>
      <c r="G154" s="27">
        <v>3</v>
      </c>
      <c r="H154" s="2"/>
      <c r="I154" s="2"/>
      <c r="J154" s="2"/>
      <c r="K154" s="2"/>
      <c r="L154" s="2"/>
      <c r="M154" s="2"/>
      <c r="N154" s="2"/>
      <c r="O154" s="2"/>
      <c r="P154" s="2"/>
      <c r="Q154" s="2"/>
      <c r="R154" s="2"/>
      <c r="S154" s="2"/>
      <c r="T154" s="2"/>
      <c r="U154" s="2"/>
      <c r="V154" s="2"/>
      <c r="W154" s="2"/>
      <c r="X154" s="2"/>
      <c r="Y154" s="2"/>
      <c r="Z154" s="2"/>
      <c r="AA154" s="2"/>
      <c r="AB154" s="2"/>
      <c r="AC154" s="2"/>
      <c r="AD154" s="2"/>
      <c r="AE154" s="2"/>
      <c r="AF154" s="2"/>
      <c r="AG154" s="2"/>
      <c r="AH154" s="2"/>
      <c r="AI154" s="2"/>
      <c r="AJ154" s="2"/>
      <c r="AK154" s="2"/>
      <c r="AL154" s="2"/>
      <c r="AM154" s="2"/>
      <c r="AN154" s="2"/>
      <c r="AO154" s="2"/>
      <c r="AP154" s="2"/>
      <c r="AQ154" s="2"/>
      <c r="AR154" s="2"/>
      <c r="AS154" s="2"/>
      <c r="AT154" s="2"/>
    </row>
    <row r="155" spans="1:46" s="3" customFormat="1" ht="13.5" customHeight="1" x14ac:dyDescent="0.15">
      <c r="A155" s="3">
        <v>154</v>
      </c>
      <c r="B155" s="26" t="s">
        <v>1051</v>
      </c>
      <c r="C155" s="27" t="s">
        <v>980</v>
      </c>
      <c r="D155" s="28">
        <v>51</v>
      </c>
      <c r="E155" s="29" t="s">
        <v>1619</v>
      </c>
      <c r="F155" s="29" t="s">
        <v>3571</v>
      </c>
      <c r="G155" s="27">
        <v>12</v>
      </c>
      <c r="H155" s="2"/>
      <c r="I155" s="2"/>
      <c r="J155" s="2"/>
      <c r="K155" s="2"/>
      <c r="L155" s="2"/>
      <c r="M155" s="2"/>
      <c r="N155" s="2"/>
      <c r="O155" s="2"/>
      <c r="P155" s="2"/>
      <c r="Q155" s="2"/>
      <c r="R155" s="2"/>
      <c r="S155" s="2"/>
      <c r="T155" s="2"/>
      <c r="U155" s="2"/>
      <c r="V155" s="2"/>
      <c r="W155" s="2"/>
      <c r="X155" s="2"/>
      <c r="Y155" s="2"/>
      <c r="Z155" s="2"/>
      <c r="AA155" s="2"/>
      <c r="AB155" s="2"/>
      <c r="AC155" s="2"/>
      <c r="AD155" s="2"/>
      <c r="AE155" s="2"/>
      <c r="AF155" s="2"/>
      <c r="AG155" s="2"/>
      <c r="AH155" s="2"/>
      <c r="AI155" s="2"/>
      <c r="AJ155" s="2"/>
      <c r="AK155" s="2"/>
      <c r="AL155" s="2"/>
      <c r="AM155" s="2"/>
      <c r="AN155" s="2"/>
      <c r="AO155" s="2"/>
      <c r="AP155" s="2"/>
      <c r="AQ155" s="2"/>
      <c r="AR155" s="2"/>
      <c r="AS155" s="2"/>
      <c r="AT155" s="2"/>
    </row>
    <row r="156" spans="1:46" s="3" customFormat="1" ht="13.5" customHeight="1" x14ac:dyDescent="0.15">
      <c r="A156" s="3">
        <v>155</v>
      </c>
      <c r="B156" s="26" t="s">
        <v>1051</v>
      </c>
      <c r="C156" s="27" t="s">
        <v>980</v>
      </c>
      <c r="D156" s="28">
        <v>61</v>
      </c>
      <c r="E156" s="29" t="s">
        <v>356</v>
      </c>
      <c r="F156" s="29" t="s">
        <v>1187</v>
      </c>
      <c r="G156" s="27">
        <v>3</v>
      </c>
      <c r="H156" s="2"/>
      <c r="I156" s="2"/>
      <c r="J156" s="2"/>
      <c r="K156" s="2"/>
      <c r="L156" s="2"/>
      <c r="M156" s="2"/>
      <c r="N156" s="2"/>
      <c r="O156" s="2"/>
      <c r="P156" s="2"/>
      <c r="Q156" s="2"/>
      <c r="R156" s="2"/>
      <c r="S156" s="2"/>
      <c r="T156" s="2"/>
      <c r="U156" s="2"/>
      <c r="V156" s="2"/>
      <c r="W156" s="2"/>
      <c r="X156" s="2"/>
      <c r="Y156" s="2"/>
      <c r="Z156" s="2"/>
      <c r="AA156" s="2"/>
      <c r="AB156" s="2"/>
      <c r="AC156" s="2"/>
      <c r="AD156" s="2"/>
      <c r="AE156" s="2"/>
      <c r="AF156" s="2"/>
      <c r="AG156" s="2"/>
      <c r="AH156" s="2"/>
      <c r="AI156" s="2"/>
      <c r="AJ156" s="2"/>
      <c r="AK156" s="2"/>
      <c r="AL156" s="2"/>
      <c r="AM156" s="2"/>
      <c r="AN156" s="2"/>
      <c r="AO156" s="2"/>
      <c r="AP156" s="2"/>
      <c r="AQ156" s="2"/>
      <c r="AR156" s="2"/>
      <c r="AS156" s="2"/>
      <c r="AT156" s="2"/>
    </row>
    <row r="157" spans="1:46" s="3" customFormat="1" ht="13.5" customHeight="1" x14ac:dyDescent="0.15">
      <c r="A157" s="3">
        <v>156</v>
      </c>
      <c r="B157" s="26" t="s">
        <v>1051</v>
      </c>
      <c r="C157" s="27" t="s">
        <v>980</v>
      </c>
      <c r="D157" s="28">
        <v>71</v>
      </c>
      <c r="E157" s="29" t="s">
        <v>1664</v>
      </c>
      <c r="F157" s="29" t="s">
        <v>3572</v>
      </c>
      <c r="G157" s="27">
        <v>3</v>
      </c>
      <c r="H157" s="2"/>
      <c r="I157" s="2"/>
      <c r="J157" s="2"/>
      <c r="K157" s="2"/>
      <c r="L157" s="2"/>
      <c r="M157" s="2"/>
      <c r="N157" s="2"/>
      <c r="O157" s="2"/>
      <c r="P157" s="2"/>
      <c r="Q157" s="2"/>
      <c r="R157" s="2"/>
      <c r="S157" s="2"/>
      <c r="T157" s="2"/>
      <c r="U157" s="2"/>
      <c r="V157" s="2"/>
      <c r="W157" s="2"/>
      <c r="X157" s="2"/>
      <c r="Y157" s="2"/>
      <c r="Z157" s="2"/>
      <c r="AA157" s="2"/>
      <c r="AB157" s="2"/>
      <c r="AC157" s="2"/>
      <c r="AD157" s="2"/>
      <c r="AE157" s="2"/>
      <c r="AF157" s="2"/>
      <c r="AG157" s="2"/>
      <c r="AH157" s="2"/>
      <c r="AI157" s="2"/>
      <c r="AJ157" s="2"/>
      <c r="AK157" s="2"/>
      <c r="AL157" s="2"/>
      <c r="AM157" s="2"/>
      <c r="AN157" s="2"/>
      <c r="AO157" s="2"/>
      <c r="AP157" s="2"/>
      <c r="AQ157" s="2"/>
      <c r="AR157" s="2"/>
      <c r="AS157" s="2"/>
      <c r="AT157" s="2"/>
    </row>
    <row r="158" spans="1:46" s="3" customFormat="1" ht="13.5" customHeight="1" x14ac:dyDescent="0.15">
      <c r="A158" s="3">
        <v>157</v>
      </c>
      <c r="B158" s="30" t="s">
        <v>613</v>
      </c>
      <c r="C158" s="27" t="s">
        <v>980</v>
      </c>
      <c r="D158" s="31">
        <v>3450</v>
      </c>
      <c r="E158" s="32" t="s">
        <v>225</v>
      </c>
      <c r="F158" s="32" t="s">
        <v>2353</v>
      </c>
      <c r="G158" s="27">
        <v>4</v>
      </c>
    </row>
    <row r="159" spans="1:46" s="3" customFormat="1" ht="13.5" customHeight="1" x14ac:dyDescent="0.15">
      <c r="A159" s="3">
        <v>158</v>
      </c>
      <c r="B159" s="30" t="s">
        <v>613</v>
      </c>
      <c r="C159" s="27" t="s">
        <v>980</v>
      </c>
      <c r="D159" s="31">
        <v>4240</v>
      </c>
      <c r="E159" s="32" t="s">
        <v>963</v>
      </c>
      <c r="F159" s="32" t="s">
        <v>450</v>
      </c>
      <c r="G159" s="27">
        <v>6</v>
      </c>
    </row>
    <row r="160" spans="1:46" s="3" customFormat="1" ht="13.5" customHeight="1" x14ac:dyDescent="0.15">
      <c r="A160" s="3">
        <v>159</v>
      </c>
      <c r="B160" s="30" t="s">
        <v>613</v>
      </c>
      <c r="C160" s="27" t="s">
        <v>980</v>
      </c>
      <c r="D160" s="31">
        <v>5180</v>
      </c>
      <c r="E160" s="32" t="s">
        <v>2070</v>
      </c>
      <c r="F160" s="32" t="s">
        <v>1415</v>
      </c>
      <c r="G160" s="27">
        <v>6</v>
      </c>
    </row>
    <row r="161" spans="1:7" s="3" customFormat="1" ht="13.5" customHeight="1" x14ac:dyDescent="0.15">
      <c r="A161" s="3">
        <v>160</v>
      </c>
      <c r="B161" s="30" t="s">
        <v>613</v>
      </c>
      <c r="C161" s="27" t="s">
        <v>980</v>
      </c>
      <c r="D161" s="31">
        <v>6120</v>
      </c>
      <c r="E161" s="32" t="s">
        <v>1238</v>
      </c>
      <c r="F161" s="32" t="s">
        <v>3344</v>
      </c>
      <c r="G161" s="27">
        <v>10</v>
      </c>
    </row>
    <row r="162" spans="1:7" s="3" customFormat="1" ht="13.5" customHeight="1" x14ac:dyDescent="0.15">
      <c r="A162" s="3">
        <v>161</v>
      </c>
      <c r="B162" s="30" t="s">
        <v>613</v>
      </c>
      <c r="C162" s="27" t="s">
        <v>980</v>
      </c>
      <c r="D162" s="31">
        <v>6560</v>
      </c>
      <c r="E162" s="32" t="s">
        <v>1806</v>
      </c>
      <c r="F162" s="32" t="s">
        <v>170</v>
      </c>
      <c r="G162" s="27">
        <v>6</v>
      </c>
    </row>
    <row r="163" spans="1:7" s="3" customFormat="1" ht="13.5" customHeight="1" x14ac:dyDescent="0.15">
      <c r="A163" s="3">
        <v>162</v>
      </c>
      <c r="B163" s="30" t="s">
        <v>613</v>
      </c>
      <c r="C163" s="27" t="s">
        <v>980</v>
      </c>
      <c r="D163" s="31">
        <v>11570</v>
      </c>
      <c r="E163" s="32" t="s">
        <v>1648</v>
      </c>
      <c r="F163" s="32" t="s">
        <v>1529</v>
      </c>
      <c r="G163" s="27">
        <v>3</v>
      </c>
    </row>
    <row r="164" spans="1:7" s="3" customFormat="1" ht="13.5" customHeight="1" x14ac:dyDescent="0.15">
      <c r="A164" s="3">
        <v>163</v>
      </c>
      <c r="B164" s="30" t="s">
        <v>613</v>
      </c>
      <c r="C164" s="27" t="s">
        <v>980</v>
      </c>
      <c r="D164" s="31">
        <v>12040</v>
      </c>
      <c r="E164" s="32" t="s">
        <v>297</v>
      </c>
      <c r="F164" s="32" t="s">
        <v>449</v>
      </c>
      <c r="G164" s="27">
        <v>6</v>
      </c>
    </row>
    <row r="165" spans="1:7" s="3" customFormat="1" ht="13.5" customHeight="1" x14ac:dyDescent="0.15">
      <c r="A165" s="3">
        <v>164</v>
      </c>
      <c r="B165" s="30" t="s">
        <v>613</v>
      </c>
      <c r="C165" s="27" t="s">
        <v>980</v>
      </c>
      <c r="D165" s="31">
        <v>12060</v>
      </c>
      <c r="E165" s="32" t="s">
        <v>1316</v>
      </c>
      <c r="F165" s="32" t="s">
        <v>2113</v>
      </c>
      <c r="G165" s="27">
        <v>12</v>
      </c>
    </row>
    <row r="166" spans="1:7" s="3" customFormat="1" ht="13.5" customHeight="1" x14ac:dyDescent="0.15">
      <c r="A166" s="3">
        <v>165</v>
      </c>
      <c r="B166" s="30" t="s">
        <v>613</v>
      </c>
      <c r="C166" s="27" t="s">
        <v>980</v>
      </c>
      <c r="D166" s="31">
        <v>12620</v>
      </c>
      <c r="E166" s="32" t="s">
        <v>1331</v>
      </c>
      <c r="F166" s="32" t="s">
        <v>71</v>
      </c>
      <c r="G166" s="27">
        <v>5</v>
      </c>
    </row>
    <row r="167" spans="1:7" s="3" customFormat="1" ht="13.5" customHeight="1" x14ac:dyDescent="0.15">
      <c r="A167" s="3">
        <v>166</v>
      </c>
      <c r="B167" s="30" t="s">
        <v>613</v>
      </c>
      <c r="C167" s="27" t="s">
        <v>980</v>
      </c>
      <c r="D167" s="31">
        <v>13380</v>
      </c>
      <c r="E167" s="32" t="s">
        <v>816</v>
      </c>
      <c r="F167" s="32" t="s">
        <v>676</v>
      </c>
      <c r="G167" s="27">
        <v>6</v>
      </c>
    </row>
    <row r="168" spans="1:7" s="3" customFormat="1" ht="13.5" customHeight="1" x14ac:dyDescent="0.15">
      <c r="A168" s="3">
        <v>167</v>
      </c>
      <c r="B168" s="30" t="s">
        <v>613</v>
      </c>
      <c r="C168" s="27" t="s">
        <v>2183</v>
      </c>
      <c r="D168" s="34">
        <v>13560</v>
      </c>
      <c r="E168" s="32" t="s">
        <v>2591</v>
      </c>
      <c r="F168" s="32" t="s">
        <v>2628</v>
      </c>
      <c r="G168" s="27">
        <v>12</v>
      </c>
    </row>
    <row r="169" spans="1:7" s="3" customFormat="1" ht="13.5" customHeight="1" x14ac:dyDescent="0.15">
      <c r="A169" s="3">
        <v>168</v>
      </c>
      <c r="B169" s="30" t="s">
        <v>613</v>
      </c>
      <c r="C169" s="27" t="s">
        <v>980</v>
      </c>
      <c r="D169" s="31">
        <v>14700</v>
      </c>
      <c r="E169" s="32" t="s">
        <v>0</v>
      </c>
      <c r="F169" s="32" t="s">
        <v>2366</v>
      </c>
      <c r="G169" s="27">
        <v>10</v>
      </c>
    </row>
    <row r="170" spans="1:7" s="3" customFormat="1" ht="13.5" customHeight="1" x14ac:dyDescent="0.15">
      <c r="A170" s="3">
        <v>169</v>
      </c>
      <c r="B170" s="30" t="s">
        <v>613</v>
      </c>
      <c r="C170" s="27" t="s">
        <v>980</v>
      </c>
      <c r="D170" s="31">
        <v>15360</v>
      </c>
      <c r="E170" s="32" t="s">
        <v>1012</v>
      </c>
      <c r="F170" s="32" t="s">
        <v>328</v>
      </c>
      <c r="G170" s="27">
        <v>8</v>
      </c>
    </row>
    <row r="171" spans="1:7" s="3" customFormat="1" ht="13.5" customHeight="1" x14ac:dyDescent="0.15">
      <c r="A171" s="3">
        <v>170</v>
      </c>
      <c r="B171" s="30" t="s">
        <v>613</v>
      </c>
      <c r="C171" s="27" t="s">
        <v>980</v>
      </c>
      <c r="D171" s="31">
        <v>15560</v>
      </c>
      <c r="E171" s="32" t="s">
        <v>719</v>
      </c>
      <c r="F171" s="32" t="s">
        <v>72</v>
      </c>
      <c r="G171" s="27">
        <v>7</v>
      </c>
    </row>
    <row r="172" spans="1:7" s="3" customFormat="1" ht="13.5" customHeight="1" x14ac:dyDescent="0.15">
      <c r="A172" s="3">
        <v>171</v>
      </c>
      <c r="B172" s="30" t="s">
        <v>613</v>
      </c>
      <c r="C172" s="27" t="s">
        <v>980</v>
      </c>
      <c r="D172" s="31">
        <v>18890</v>
      </c>
      <c r="E172" s="32" t="s">
        <v>462</v>
      </c>
      <c r="F172" s="32" t="s">
        <v>808</v>
      </c>
      <c r="G172" s="27">
        <v>8</v>
      </c>
    </row>
    <row r="173" spans="1:7" s="3" customFormat="1" ht="13.5" customHeight="1" x14ac:dyDescent="0.15">
      <c r="A173" s="3">
        <v>172</v>
      </c>
      <c r="B173" s="30" t="s">
        <v>613</v>
      </c>
      <c r="C173" s="27" t="s">
        <v>980</v>
      </c>
      <c r="D173" s="31">
        <v>20080</v>
      </c>
      <c r="E173" s="32" t="s">
        <v>1768</v>
      </c>
      <c r="F173" s="32" t="s">
        <v>463</v>
      </c>
      <c r="G173" s="27">
        <v>8</v>
      </c>
    </row>
    <row r="174" spans="1:7" s="3" customFormat="1" ht="13.5" customHeight="1" x14ac:dyDescent="0.15">
      <c r="A174" s="3">
        <v>173</v>
      </c>
      <c r="B174" s="30" t="s">
        <v>613</v>
      </c>
      <c r="C174" s="27" t="s">
        <v>980</v>
      </c>
      <c r="D174" s="31">
        <v>20620</v>
      </c>
      <c r="E174" s="32" t="s">
        <v>1733</v>
      </c>
      <c r="F174" s="32" t="s">
        <v>433</v>
      </c>
      <c r="G174" s="27">
        <v>5</v>
      </c>
    </row>
    <row r="175" spans="1:7" s="3" customFormat="1" ht="13.5" customHeight="1" x14ac:dyDescent="0.15">
      <c r="A175" s="3">
        <v>174</v>
      </c>
      <c r="B175" s="30" t="s">
        <v>613</v>
      </c>
      <c r="C175" s="27" t="s">
        <v>980</v>
      </c>
      <c r="D175" s="31">
        <v>21400</v>
      </c>
      <c r="E175" s="32" t="s">
        <v>2992</v>
      </c>
      <c r="F175" s="32" t="s">
        <v>448</v>
      </c>
      <c r="G175" s="27">
        <v>7</v>
      </c>
    </row>
    <row r="176" spans="1:7" s="3" customFormat="1" ht="13.5" customHeight="1" x14ac:dyDescent="0.15">
      <c r="A176" s="3">
        <v>175</v>
      </c>
      <c r="B176" s="30" t="s">
        <v>613</v>
      </c>
      <c r="C176" s="27" t="s">
        <v>980</v>
      </c>
      <c r="D176" s="31">
        <v>23730</v>
      </c>
      <c r="E176" s="32" t="s">
        <v>325</v>
      </c>
      <c r="F176" s="32" t="s">
        <v>587</v>
      </c>
      <c r="G176" s="27">
        <v>6</v>
      </c>
    </row>
    <row r="177" spans="1:7" s="3" customFormat="1" ht="13.5" customHeight="1" x14ac:dyDescent="0.15">
      <c r="A177" s="3">
        <v>176</v>
      </c>
      <c r="B177" s="30" t="s">
        <v>613</v>
      </c>
      <c r="C177" s="27" t="s">
        <v>980</v>
      </c>
      <c r="D177" s="31">
        <v>24520</v>
      </c>
      <c r="E177" s="32" t="s">
        <v>1712</v>
      </c>
      <c r="F177" s="32" t="s">
        <v>1275</v>
      </c>
      <c r="G177" s="27">
        <v>6</v>
      </c>
    </row>
    <row r="178" spans="1:7" s="3" customFormat="1" ht="13.5" customHeight="1" x14ac:dyDescent="0.15">
      <c r="A178" s="3">
        <v>177</v>
      </c>
      <c r="B178" s="30" t="s">
        <v>613</v>
      </c>
      <c r="C178" s="27" t="s">
        <v>980</v>
      </c>
      <c r="D178" s="31">
        <v>25150</v>
      </c>
      <c r="E178" s="32" t="s">
        <v>176</v>
      </c>
      <c r="F178" s="32" t="s">
        <v>2562</v>
      </c>
      <c r="G178" s="27">
        <v>6</v>
      </c>
    </row>
    <row r="179" spans="1:7" s="3" customFormat="1" ht="13.5" customHeight="1" x14ac:dyDescent="0.15">
      <c r="A179" s="3">
        <v>178</v>
      </c>
      <c r="B179" s="30" t="s">
        <v>613</v>
      </c>
      <c r="C179" s="27" t="s">
        <v>980</v>
      </c>
      <c r="D179" s="31">
        <v>25860</v>
      </c>
      <c r="E179" s="32" t="s">
        <v>522</v>
      </c>
      <c r="F179" s="32" t="s">
        <v>1973</v>
      </c>
      <c r="G179" s="27">
        <v>12</v>
      </c>
    </row>
    <row r="180" spans="1:7" s="3" customFormat="1" ht="13.5" customHeight="1" x14ac:dyDescent="0.15">
      <c r="A180" s="3">
        <v>179</v>
      </c>
      <c r="B180" s="30" t="s">
        <v>613</v>
      </c>
      <c r="C180" s="27" t="s">
        <v>980</v>
      </c>
      <c r="D180" s="31">
        <v>25940</v>
      </c>
      <c r="E180" s="32" t="s">
        <v>171</v>
      </c>
      <c r="F180" s="32" t="s">
        <v>1975</v>
      </c>
      <c r="G180" s="27">
        <v>2</v>
      </c>
    </row>
    <row r="181" spans="1:7" s="3" customFormat="1" ht="13.5" customHeight="1" x14ac:dyDescent="0.15">
      <c r="A181" s="3">
        <v>180</v>
      </c>
      <c r="B181" s="30" t="s">
        <v>613</v>
      </c>
      <c r="C181" s="27" t="s">
        <v>980</v>
      </c>
      <c r="D181" s="31">
        <v>27320</v>
      </c>
      <c r="E181" s="32" t="s">
        <v>817</v>
      </c>
      <c r="F181" s="32" t="s">
        <v>201</v>
      </c>
      <c r="G181" s="27">
        <v>11</v>
      </c>
    </row>
    <row r="182" spans="1:7" s="3" customFormat="1" ht="13.5" customHeight="1" x14ac:dyDescent="0.15">
      <c r="A182" s="3">
        <v>181</v>
      </c>
      <c r="B182" s="30" t="s">
        <v>613</v>
      </c>
      <c r="C182" s="27" t="s">
        <v>980</v>
      </c>
      <c r="D182" s="31">
        <v>27490</v>
      </c>
      <c r="E182" s="32" t="s">
        <v>1792</v>
      </c>
      <c r="F182" s="32" t="s">
        <v>1414</v>
      </c>
      <c r="G182" s="27">
        <v>4</v>
      </c>
    </row>
    <row r="183" spans="1:7" s="3" customFormat="1" ht="13.5" customHeight="1" x14ac:dyDescent="0.15">
      <c r="A183" s="3">
        <v>182</v>
      </c>
      <c r="B183" s="30" t="s">
        <v>613</v>
      </c>
      <c r="C183" s="27" t="s">
        <v>980</v>
      </c>
      <c r="D183" s="31">
        <v>28300</v>
      </c>
      <c r="E183" s="32" t="s">
        <v>157</v>
      </c>
      <c r="F183" s="32" t="s">
        <v>1800</v>
      </c>
      <c r="G183" s="27">
        <v>9</v>
      </c>
    </row>
    <row r="184" spans="1:7" s="3" customFormat="1" ht="13.5" customHeight="1" x14ac:dyDescent="0.15">
      <c r="A184" s="3">
        <v>183</v>
      </c>
      <c r="B184" s="30" t="s">
        <v>613</v>
      </c>
      <c r="C184" s="27" t="s">
        <v>980</v>
      </c>
      <c r="D184" s="31">
        <v>29540</v>
      </c>
      <c r="E184" s="32" t="s">
        <v>603</v>
      </c>
      <c r="F184" s="32" t="s">
        <v>1263</v>
      </c>
      <c r="G184" s="27">
        <v>6</v>
      </c>
    </row>
    <row r="185" spans="1:7" s="3" customFormat="1" ht="13.5" customHeight="1" x14ac:dyDescent="0.15">
      <c r="A185" s="3">
        <v>184</v>
      </c>
      <c r="B185" s="30" t="s">
        <v>613</v>
      </c>
      <c r="C185" s="27" t="s">
        <v>980</v>
      </c>
      <c r="D185" s="31">
        <v>29580</v>
      </c>
      <c r="E185" s="32" t="s">
        <v>2875</v>
      </c>
      <c r="F185" s="32" t="s">
        <v>2874</v>
      </c>
      <c r="G185" s="27">
        <v>6</v>
      </c>
    </row>
    <row r="186" spans="1:7" s="3" customFormat="1" ht="13.5" customHeight="1" x14ac:dyDescent="0.15">
      <c r="A186" s="3">
        <v>185</v>
      </c>
      <c r="B186" s="30" t="s">
        <v>613</v>
      </c>
      <c r="C186" s="27" t="s">
        <v>980</v>
      </c>
      <c r="D186" s="31">
        <v>34010</v>
      </c>
      <c r="E186" s="32" t="s">
        <v>1147</v>
      </c>
      <c r="F186" s="32" t="s">
        <v>1974</v>
      </c>
      <c r="G186" s="27">
        <v>12</v>
      </c>
    </row>
    <row r="187" spans="1:7" s="3" customFormat="1" ht="13.5" customHeight="1" x14ac:dyDescent="0.15">
      <c r="A187" s="3">
        <v>186</v>
      </c>
      <c r="B187" s="30" t="s">
        <v>613</v>
      </c>
      <c r="C187" s="27" t="s">
        <v>980</v>
      </c>
      <c r="D187" s="31">
        <v>34170</v>
      </c>
      <c r="E187" s="32" t="s">
        <v>391</v>
      </c>
      <c r="F187" s="32" t="s">
        <v>2057</v>
      </c>
      <c r="G187" s="27">
        <v>6</v>
      </c>
    </row>
    <row r="188" spans="1:7" s="3" customFormat="1" ht="13.5" customHeight="1" x14ac:dyDescent="0.15">
      <c r="A188" s="3">
        <v>187</v>
      </c>
      <c r="B188" s="30" t="s">
        <v>613</v>
      </c>
      <c r="C188" s="27" t="s">
        <v>980</v>
      </c>
      <c r="D188" s="31">
        <v>34680</v>
      </c>
      <c r="E188" s="32" t="s">
        <v>675</v>
      </c>
      <c r="F188" s="32" t="s">
        <v>2209</v>
      </c>
      <c r="G188" s="27">
        <v>4</v>
      </c>
    </row>
    <row r="189" spans="1:7" s="3" customFormat="1" ht="13.5" customHeight="1" x14ac:dyDescent="0.15">
      <c r="A189" s="3">
        <v>188</v>
      </c>
      <c r="B189" s="30" t="s">
        <v>613</v>
      </c>
      <c r="C189" s="27" t="s">
        <v>226</v>
      </c>
      <c r="D189" s="31">
        <v>35550</v>
      </c>
      <c r="E189" s="32" t="s">
        <v>2626</v>
      </c>
      <c r="F189" s="32" t="s">
        <v>2056</v>
      </c>
      <c r="G189" s="27">
        <v>5</v>
      </c>
    </row>
    <row r="190" spans="1:7" s="3" customFormat="1" ht="13.5" customHeight="1" x14ac:dyDescent="0.15">
      <c r="A190" s="3">
        <v>189</v>
      </c>
      <c r="B190" s="30" t="s">
        <v>613</v>
      </c>
      <c r="C190" s="27" t="s">
        <v>980</v>
      </c>
      <c r="D190" s="31">
        <v>35930</v>
      </c>
      <c r="E190" s="32" t="s">
        <v>281</v>
      </c>
      <c r="F190" s="32" t="s">
        <v>434</v>
      </c>
      <c r="G190" s="27">
        <v>2</v>
      </c>
    </row>
    <row r="191" spans="1:7" s="3" customFormat="1" ht="13.5" customHeight="1" x14ac:dyDescent="0.15">
      <c r="A191" s="3">
        <v>190</v>
      </c>
      <c r="B191" s="30" t="s">
        <v>613</v>
      </c>
      <c r="C191" s="27" t="s">
        <v>980</v>
      </c>
      <c r="D191" s="31">
        <v>35950</v>
      </c>
      <c r="E191" s="32" t="s">
        <v>282</v>
      </c>
      <c r="F191" s="32" t="s">
        <v>2114</v>
      </c>
      <c r="G191" s="27">
        <v>3</v>
      </c>
    </row>
    <row r="192" spans="1:7" s="3" customFormat="1" ht="13.5" customHeight="1" x14ac:dyDescent="0.15">
      <c r="A192" s="3">
        <v>191</v>
      </c>
      <c r="B192" s="30" t="s">
        <v>613</v>
      </c>
      <c r="C192" s="27" t="s">
        <v>980</v>
      </c>
      <c r="D192" s="31">
        <v>35960</v>
      </c>
      <c r="E192" s="32" t="s">
        <v>384</v>
      </c>
      <c r="F192" s="32" t="s">
        <v>447</v>
      </c>
      <c r="G192" s="27">
        <v>3</v>
      </c>
    </row>
    <row r="193" spans="1:46" s="3" customFormat="1" ht="13.5" customHeight="1" x14ac:dyDescent="0.15">
      <c r="A193" s="3">
        <v>192</v>
      </c>
      <c r="B193" s="30" t="s">
        <v>613</v>
      </c>
      <c r="C193" s="27" t="s">
        <v>980</v>
      </c>
      <c r="D193" s="31">
        <v>36510</v>
      </c>
      <c r="E193" s="32" t="s">
        <v>1603</v>
      </c>
      <c r="F193" s="32" t="s">
        <v>1416</v>
      </c>
      <c r="G193" s="27">
        <v>9</v>
      </c>
    </row>
    <row r="194" spans="1:46" s="3" customFormat="1" ht="13.5" customHeight="1" x14ac:dyDescent="0.15">
      <c r="A194" s="3">
        <v>193</v>
      </c>
      <c r="B194" s="30" t="s">
        <v>613</v>
      </c>
      <c r="C194" s="27" t="s">
        <v>980</v>
      </c>
      <c r="D194" s="31">
        <v>36890</v>
      </c>
      <c r="E194" s="32" t="s">
        <v>1622</v>
      </c>
      <c r="F194" s="32" t="s">
        <v>674</v>
      </c>
      <c r="G194" s="27">
        <v>8</v>
      </c>
    </row>
    <row r="195" spans="1:46" s="3" customFormat="1" ht="13.5" customHeight="1" x14ac:dyDescent="0.15">
      <c r="A195" s="3">
        <v>194</v>
      </c>
      <c r="B195" s="30" t="s">
        <v>613</v>
      </c>
      <c r="C195" s="27" t="s">
        <v>980</v>
      </c>
      <c r="D195" s="31">
        <v>39280</v>
      </c>
      <c r="E195" s="32" t="s">
        <v>3033</v>
      </c>
      <c r="F195" s="32" t="s">
        <v>1417</v>
      </c>
      <c r="G195" s="27">
        <v>6</v>
      </c>
    </row>
    <row r="196" spans="1:46" s="3" customFormat="1" ht="13.5" customHeight="1" x14ac:dyDescent="0.15">
      <c r="A196" s="3">
        <v>195</v>
      </c>
      <c r="B196" s="30" t="s">
        <v>613</v>
      </c>
      <c r="C196" s="27" t="s">
        <v>20</v>
      </c>
      <c r="D196" s="34">
        <v>40280</v>
      </c>
      <c r="E196" s="32" t="s">
        <v>3057</v>
      </c>
      <c r="F196" s="32" t="s">
        <v>782</v>
      </c>
      <c r="G196" s="27">
        <v>8</v>
      </c>
    </row>
    <row r="197" spans="1:46" s="3" customFormat="1" ht="13.5" customHeight="1" x14ac:dyDescent="0.15">
      <c r="A197" s="3">
        <v>196</v>
      </c>
      <c r="B197" s="30" t="s">
        <v>613</v>
      </c>
      <c r="C197" s="27" t="s">
        <v>20</v>
      </c>
      <c r="D197" s="34">
        <v>40430</v>
      </c>
      <c r="E197" s="32" t="s">
        <v>3061</v>
      </c>
      <c r="F197" s="32" t="s">
        <v>1600</v>
      </c>
      <c r="G197" s="27">
        <v>4</v>
      </c>
    </row>
    <row r="198" spans="1:46" s="3" customFormat="1" ht="13.5" customHeight="1" x14ac:dyDescent="0.15">
      <c r="A198" s="3">
        <v>197</v>
      </c>
      <c r="B198" s="30" t="s">
        <v>613</v>
      </c>
      <c r="C198" s="27" t="s">
        <v>20</v>
      </c>
      <c r="D198" s="34">
        <v>40480</v>
      </c>
      <c r="E198" s="32" t="s">
        <v>3063</v>
      </c>
      <c r="F198" s="32" t="s">
        <v>1599</v>
      </c>
      <c r="G198" s="27">
        <v>5</v>
      </c>
    </row>
    <row r="199" spans="1:46" s="3" customFormat="1" ht="13.5" customHeight="1" x14ac:dyDescent="0.15">
      <c r="A199" s="3">
        <v>198</v>
      </c>
      <c r="B199" s="30" t="s">
        <v>549</v>
      </c>
      <c r="C199" s="27" t="s">
        <v>20</v>
      </c>
      <c r="D199" s="28">
        <v>41790</v>
      </c>
      <c r="E199" s="38" t="s">
        <v>550</v>
      </c>
      <c r="F199" s="36" t="s">
        <v>1168</v>
      </c>
      <c r="G199" s="27">
        <v>3</v>
      </c>
    </row>
    <row r="200" spans="1:46" s="3" customFormat="1" ht="13.5" customHeight="1" x14ac:dyDescent="0.15">
      <c r="A200" s="3">
        <v>199</v>
      </c>
      <c r="B200" s="30" t="s">
        <v>613</v>
      </c>
      <c r="C200" s="27" t="s">
        <v>20</v>
      </c>
      <c r="D200" s="34">
        <v>41990</v>
      </c>
      <c r="E200" s="32" t="s">
        <v>502</v>
      </c>
      <c r="F200" s="32" t="s">
        <v>2297</v>
      </c>
      <c r="G200" s="27">
        <v>12</v>
      </c>
    </row>
    <row r="201" spans="1:46" s="3" customFormat="1" ht="13.5" customHeight="1" x14ac:dyDescent="0.15">
      <c r="A201" s="3">
        <v>200</v>
      </c>
      <c r="B201" s="30" t="s">
        <v>613</v>
      </c>
      <c r="C201" s="27" t="s">
        <v>20</v>
      </c>
      <c r="D201" s="34">
        <v>42030</v>
      </c>
      <c r="E201" s="38" t="s">
        <v>308</v>
      </c>
      <c r="F201" s="32" t="s">
        <v>2203</v>
      </c>
      <c r="G201" s="27">
        <v>3</v>
      </c>
    </row>
    <row r="202" spans="1:46" s="3" customFormat="1" ht="13.5" customHeight="1" x14ac:dyDescent="0.15">
      <c r="A202" s="3">
        <v>201</v>
      </c>
      <c r="B202" s="30" t="s">
        <v>613</v>
      </c>
      <c r="C202" s="27" t="s">
        <v>980</v>
      </c>
      <c r="D202" s="28">
        <v>42450</v>
      </c>
      <c r="E202" s="36" t="s">
        <v>761</v>
      </c>
      <c r="F202" s="32" t="s">
        <v>1276</v>
      </c>
      <c r="G202" s="27">
        <v>7</v>
      </c>
    </row>
    <row r="203" spans="1:46" s="3" customFormat="1" ht="13.5" customHeight="1" x14ac:dyDescent="0.15">
      <c r="A203" s="3">
        <v>202</v>
      </c>
      <c r="B203" s="30" t="s">
        <v>613</v>
      </c>
      <c r="C203" s="27" t="s">
        <v>1117</v>
      </c>
      <c r="D203" s="34">
        <v>42720</v>
      </c>
      <c r="E203" s="32" t="s">
        <v>3085</v>
      </c>
      <c r="F203" s="32" t="s">
        <v>2143</v>
      </c>
      <c r="G203" s="27">
        <v>12</v>
      </c>
    </row>
    <row r="204" spans="1:46" ht="13.5" customHeight="1" x14ac:dyDescent="0.15">
      <c r="A204" s="3">
        <v>203</v>
      </c>
      <c r="B204" s="30" t="s">
        <v>613</v>
      </c>
      <c r="C204" s="27" t="s">
        <v>1117</v>
      </c>
      <c r="D204" s="34">
        <v>42960</v>
      </c>
      <c r="E204" s="32" t="s">
        <v>3101</v>
      </c>
      <c r="F204" s="32" t="s">
        <v>2168</v>
      </c>
      <c r="G204" s="27">
        <v>12</v>
      </c>
      <c r="H204" s="3"/>
      <c r="I204" s="3"/>
      <c r="J204" s="3"/>
      <c r="K204" s="3"/>
      <c r="L204" s="3"/>
      <c r="M204" s="3"/>
      <c r="N204" s="3"/>
      <c r="O204" s="3"/>
      <c r="P204" s="3"/>
      <c r="Q204" s="3"/>
      <c r="R204" s="3"/>
      <c r="S204" s="3"/>
      <c r="T204" s="3"/>
      <c r="U204" s="3"/>
      <c r="V204" s="3"/>
      <c r="W204" s="3"/>
      <c r="X204" s="3"/>
      <c r="Y204" s="3"/>
      <c r="Z204" s="3"/>
      <c r="AA204" s="3"/>
      <c r="AB204" s="3"/>
      <c r="AC204" s="3"/>
      <c r="AD204" s="3"/>
      <c r="AE204" s="3"/>
      <c r="AF204" s="3"/>
      <c r="AG204" s="3"/>
      <c r="AH204" s="3"/>
      <c r="AI204" s="3"/>
      <c r="AJ204" s="3"/>
      <c r="AK204" s="3"/>
      <c r="AL204" s="3"/>
      <c r="AM204" s="3"/>
      <c r="AN204" s="3"/>
      <c r="AO204" s="3"/>
      <c r="AP204" s="3"/>
      <c r="AQ204" s="3"/>
      <c r="AR204" s="3"/>
      <c r="AS204" s="3"/>
      <c r="AT204" s="3"/>
    </row>
    <row r="205" spans="1:46" s="3" customFormat="1" ht="13.5" customHeight="1" x14ac:dyDescent="0.15">
      <c r="A205" s="3">
        <v>204</v>
      </c>
      <c r="B205" s="30" t="s">
        <v>613</v>
      </c>
      <c r="C205" s="27" t="s">
        <v>1117</v>
      </c>
      <c r="D205" s="34">
        <v>142990</v>
      </c>
      <c r="E205" s="32" t="s">
        <v>2327</v>
      </c>
      <c r="F205" s="32" t="s">
        <v>2328</v>
      </c>
      <c r="G205" s="27">
        <v>6</v>
      </c>
    </row>
    <row r="206" spans="1:46" s="3" customFormat="1" ht="13.5" customHeight="1" x14ac:dyDescent="0.15">
      <c r="A206" s="3">
        <v>205</v>
      </c>
      <c r="B206" s="30" t="s">
        <v>613</v>
      </c>
      <c r="C206" s="27" t="s">
        <v>1117</v>
      </c>
      <c r="D206" s="34">
        <v>143010</v>
      </c>
      <c r="E206" s="32" t="s">
        <v>2323</v>
      </c>
      <c r="F206" s="32" t="s">
        <v>2324</v>
      </c>
      <c r="G206" s="27">
        <v>9</v>
      </c>
    </row>
    <row r="207" spans="1:46" s="3" customFormat="1" ht="13.5" customHeight="1" x14ac:dyDescent="0.15">
      <c r="A207" s="3">
        <v>206</v>
      </c>
      <c r="B207" s="30" t="s">
        <v>613</v>
      </c>
      <c r="C207" s="27" t="s">
        <v>20</v>
      </c>
      <c r="D207" s="34">
        <v>143270</v>
      </c>
      <c r="E207" s="38" t="s">
        <v>2380</v>
      </c>
      <c r="F207" s="36" t="s">
        <v>2381</v>
      </c>
      <c r="G207" s="27">
        <v>5</v>
      </c>
    </row>
    <row r="208" spans="1:46" s="3" customFormat="1" ht="13.5" customHeight="1" x14ac:dyDescent="0.15">
      <c r="A208" s="3">
        <v>207</v>
      </c>
      <c r="B208" s="30" t="s">
        <v>613</v>
      </c>
      <c r="C208" s="27" t="s">
        <v>2183</v>
      </c>
      <c r="D208" s="31">
        <v>143630</v>
      </c>
      <c r="E208" s="32" t="s">
        <v>2440</v>
      </c>
      <c r="F208" s="32" t="s">
        <v>2524</v>
      </c>
      <c r="G208" s="27">
        <v>6</v>
      </c>
    </row>
    <row r="209" spans="1:46" s="3" customFormat="1" ht="13.5" customHeight="1" x14ac:dyDescent="0.15">
      <c r="A209" s="3">
        <v>208</v>
      </c>
      <c r="B209" s="30" t="s">
        <v>613</v>
      </c>
      <c r="C209" s="27" t="s">
        <v>2183</v>
      </c>
      <c r="D209" s="31">
        <v>143750</v>
      </c>
      <c r="E209" s="32" t="s">
        <v>2547</v>
      </c>
      <c r="F209" s="32" t="s">
        <v>2546</v>
      </c>
      <c r="G209" s="27">
        <v>6</v>
      </c>
    </row>
    <row r="210" spans="1:46" s="3" customFormat="1" ht="13.5" customHeight="1" x14ac:dyDescent="0.15">
      <c r="A210" s="3">
        <v>209</v>
      </c>
      <c r="B210" s="30" t="s">
        <v>613</v>
      </c>
      <c r="C210" s="27" t="s">
        <v>2183</v>
      </c>
      <c r="D210" s="28">
        <v>144880</v>
      </c>
      <c r="E210" s="29" t="s">
        <v>2662</v>
      </c>
      <c r="F210" s="29" t="s">
        <v>2686</v>
      </c>
      <c r="G210" s="27">
        <v>7</v>
      </c>
    </row>
    <row r="211" spans="1:46" s="3" customFormat="1" ht="13.5" customHeight="1" x14ac:dyDescent="0.15">
      <c r="A211" s="3">
        <v>210</v>
      </c>
      <c r="B211" s="30" t="s">
        <v>613</v>
      </c>
      <c r="C211" s="27" t="s">
        <v>2183</v>
      </c>
      <c r="D211" s="28">
        <v>145140</v>
      </c>
      <c r="E211" s="29" t="s">
        <v>2772</v>
      </c>
      <c r="F211" s="40" t="s">
        <v>2744</v>
      </c>
      <c r="G211" s="27">
        <v>8</v>
      </c>
    </row>
    <row r="212" spans="1:46" s="3" customFormat="1" ht="13.5" customHeight="1" x14ac:dyDescent="0.15">
      <c r="A212" s="3">
        <v>211</v>
      </c>
      <c r="B212" s="30" t="s">
        <v>613</v>
      </c>
      <c r="C212" s="27" t="s">
        <v>2862</v>
      </c>
      <c r="D212" s="31">
        <v>145500</v>
      </c>
      <c r="E212" s="29" t="s">
        <v>2849</v>
      </c>
      <c r="F212" s="40" t="s">
        <v>2821</v>
      </c>
      <c r="G212" s="27">
        <v>8</v>
      </c>
    </row>
    <row r="213" spans="1:46" s="3" customFormat="1" ht="13.5" customHeight="1" x14ac:dyDescent="0.15">
      <c r="A213" s="3">
        <v>212</v>
      </c>
      <c r="B213" s="30" t="s">
        <v>613</v>
      </c>
      <c r="C213" s="27" t="s">
        <v>20</v>
      </c>
      <c r="D213" s="28">
        <v>145620</v>
      </c>
      <c r="E213" s="40" t="s">
        <v>2890</v>
      </c>
      <c r="F213" s="29" t="s">
        <v>2902</v>
      </c>
      <c r="G213" s="27">
        <v>8</v>
      </c>
    </row>
    <row r="214" spans="1:46" s="3" customFormat="1" ht="13.5" customHeight="1" x14ac:dyDescent="0.15">
      <c r="A214" s="3">
        <v>213</v>
      </c>
      <c r="B214" s="30" t="s">
        <v>613</v>
      </c>
      <c r="C214" s="27" t="s">
        <v>20</v>
      </c>
      <c r="D214" s="28">
        <v>145750</v>
      </c>
      <c r="E214" s="29" t="s">
        <v>2922</v>
      </c>
      <c r="F214" s="29" t="s">
        <v>2912</v>
      </c>
      <c r="G214" s="27">
        <v>12</v>
      </c>
    </row>
    <row r="215" spans="1:46" s="3" customFormat="1" ht="13.5" customHeight="1" x14ac:dyDescent="0.15">
      <c r="A215" s="3">
        <v>214</v>
      </c>
      <c r="B215" s="30" t="s">
        <v>3203</v>
      </c>
      <c r="C215" s="27" t="s">
        <v>3208</v>
      </c>
      <c r="D215" s="28">
        <v>146140</v>
      </c>
      <c r="E215" s="40" t="s">
        <v>3209</v>
      </c>
      <c r="F215" s="29" t="s">
        <v>3210</v>
      </c>
      <c r="G215" s="27">
        <v>2</v>
      </c>
      <c r="H215" s="2"/>
      <c r="I215" s="2"/>
      <c r="J215" s="2"/>
      <c r="K215" s="2"/>
      <c r="L215" s="2"/>
      <c r="M215" s="2"/>
      <c r="N215" s="2"/>
      <c r="O215" s="2"/>
      <c r="P215" s="2"/>
      <c r="Q215" s="2"/>
      <c r="R215" s="2"/>
      <c r="S215" s="2"/>
      <c r="T215" s="2"/>
      <c r="U215" s="2"/>
      <c r="V215" s="2"/>
      <c r="W215" s="2"/>
      <c r="X215" s="2"/>
      <c r="Y215" s="2"/>
      <c r="Z215" s="2"/>
      <c r="AA215" s="2"/>
      <c r="AB215" s="2"/>
      <c r="AC215" s="2"/>
      <c r="AD215" s="2"/>
      <c r="AE215" s="2"/>
      <c r="AF215" s="2"/>
      <c r="AG215" s="2"/>
      <c r="AH215" s="2"/>
      <c r="AI215" s="2"/>
      <c r="AJ215" s="2"/>
      <c r="AK215" s="2"/>
      <c r="AL215" s="2"/>
      <c r="AM215" s="2"/>
      <c r="AN215" s="2"/>
      <c r="AO215" s="2"/>
      <c r="AP215" s="2"/>
      <c r="AQ215" s="2"/>
      <c r="AR215" s="2"/>
      <c r="AS215" s="2"/>
      <c r="AT215" s="2"/>
    </row>
    <row r="216" spans="1:46" s="3" customFormat="1" ht="13.5" customHeight="1" x14ac:dyDescent="0.15">
      <c r="A216" s="3">
        <v>215</v>
      </c>
      <c r="B216" s="30" t="s">
        <v>613</v>
      </c>
      <c r="C216" s="27" t="s">
        <v>3468</v>
      </c>
      <c r="D216" s="28">
        <v>147350</v>
      </c>
      <c r="E216" s="29" t="s">
        <v>3440</v>
      </c>
      <c r="F216" s="29" t="s">
        <v>3467</v>
      </c>
      <c r="G216" s="27">
        <v>6</v>
      </c>
      <c r="H216" s="2"/>
      <c r="I216" s="2"/>
      <c r="J216" s="2"/>
      <c r="K216" s="2"/>
      <c r="L216" s="2"/>
      <c r="M216" s="2"/>
      <c r="N216" s="2"/>
      <c r="O216" s="2"/>
      <c r="P216" s="2"/>
      <c r="Q216" s="2"/>
      <c r="R216" s="2"/>
      <c r="S216" s="2"/>
      <c r="T216" s="2"/>
      <c r="U216" s="2"/>
      <c r="V216" s="2"/>
      <c r="W216" s="2"/>
      <c r="X216" s="2"/>
      <c r="Y216" s="2"/>
      <c r="Z216" s="2"/>
      <c r="AA216" s="2"/>
      <c r="AB216" s="2"/>
      <c r="AC216" s="2"/>
      <c r="AD216" s="2"/>
      <c r="AE216" s="2"/>
      <c r="AF216" s="2"/>
      <c r="AG216" s="2"/>
      <c r="AH216" s="2"/>
      <c r="AI216" s="2"/>
      <c r="AJ216" s="2"/>
      <c r="AK216" s="2"/>
      <c r="AL216" s="2"/>
      <c r="AM216" s="2"/>
      <c r="AN216" s="2"/>
      <c r="AO216" s="2"/>
      <c r="AP216" s="2"/>
      <c r="AQ216" s="2"/>
      <c r="AR216" s="2"/>
      <c r="AS216" s="2"/>
      <c r="AT216" s="2"/>
    </row>
    <row r="217" spans="1:46" s="3" customFormat="1" ht="13.5" customHeight="1" x14ac:dyDescent="0.15">
      <c r="A217" s="3">
        <v>216</v>
      </c>
      <c r="B217" s="30" t="s">
        <v>613</v>
      </c>
      <c r="C217" s="27" t="s">
        <v>3468</v>
      </c>
      <c r="D217" s="28">
        <v>147420</v>
      </c>
      <c r="E217" s="29" t="s">
        <v>3447</v>
      </c>
      <c r="F217" s="29" t="s">
        <v>3478</v>
      </c>
      <c r="G217" s="27">
        <v>8</v>
      </c>
      <c r="H217" s="2"/>
      <c r="I217" s="2"/>
      <c r="J217" s="2"/>
      <c r="K217" s="2"/>
      <c r="L217" s="2"/>
      <c r="M217" s="2"/>
      <c r="N217" s="2"/>
      <c r="O217" s="2"/>
      <c r="P217" s="2"/>
      <c r="Q217" s="2"/>
      <c r="R217" s="2"/>
      <c r="S217" s="2"/>
      <c r="T217" s="2"/>
      <c r="U217" s="2"/>
      <c r="V217" s="2"/>
      <c r="W217" s="2"/>
      <c r="X217" s="2"/>
      <c r="Y217" s="2"/>
      <c r="Z217" s="2"/>
      <c r="AA217" s="2"/>
      <c r="AB217" s="2"/>
      <c r="AC217" s="2"/>
      <c r="AD217" s="2"/>
      <c r="AE217" s="2"/>
      <c r="AF217" s="2"/>
      <c r="AG217" s="2"/>
      <c r="AH217" s="2"/>
      <c r="AI217" s="2"/>
      <c r="AJ217" s="2"/>
      <c r="AK217" s="2"/>
      <c r="AL217" s="2"/>
      <c r="AM217" s="2"/>
      <c r="AN217" s="2"/>
      <c r="AO217" s="2"/>
      <c r="AP217" s="2"/>
      <c r="AQ217" s="2"/>
      <c r="AR217" s="2"/>
      <c r="AS217" s="2"/>
      <c r="AT217" s="2"/>
    </row>
    <row r="218" spans="1:46" s="3" customFormat="1" ht="13.5" customHeight="1" x14ac:dyDescent="0.15">
      <c r="A218" s="3">
        <v>217</v>
      </c>
      <c r="B218" s="26" t="s">
        <v>1051</v>
      </c>
      <c r="C218" s="27" t="s">
        <v>984</v>
      </c>
      <c r="D218" s="28">
        <v>81</v>
      </c>
      <c r="E218" s="29" t="s">
        <v>1890</v>
      </c>
      <c r="F218" s="29" t="s">
        <v>1561</v>
      </c>
      <c r="G218" s="27">
        <v>3</v>
      </c>
      <c r="H218" s="2"/>
      <c r="I218" s="2"/>
      <c r="J218" s="2"/>
      <c r="K218" s="2"/>
      <c r="L218" s="2"/>
      <c r="M218" s="2"/>
      <c r="N218" s="2"/>
      <c r="O218" s="2"/>
      <c r="P218" s="2"/>
      <c r="Q218" s="2"/>
      <c r="R218" s="2"/>
      <c r="S218" s="2"/>
      <c r="T218" s="2"/>
      <c r="U218" s="2"/>
      <c r="V218" s="2"/>
      <c r="W218" s="2"/>
      <c r="X218" s="2"/>
      <c r="Y218" s="2"/>
      <c r="Z218" s="2"/>
      <c r="AA218" s="2"/>
      <c r="AB218" s="2"/>
      <c r="AC218" s="2"/>
      <c r="AD218" s="2"/>
      <c r="AE218" s="2"/>
      <c r="AF218" s="2"/>
      <c r="AG218" s="2"/>
      <c r="AH218" s="2"/>
      <c r="AI218" s="2"/>
      <c r="AJ218" s="2"/>
      <c r="AK218" s="2"/>
      <c r="AL218" s="2"/>
      <c r="AM218" s="2"/>
      <c r="AN218" s="2"/>
      <c r="AO218" s="2"/>
      <c r="AP218" s="2"/>
      <c r="AQ218" s="2"/>
      <c r="AR218" s="2"/>
      <c r="AS218" s="2"/>
      <c r="AT218" s="2"/>
    </row>
    <row r="219" spans="1:46" s="3" customFormat="1" ht="13.5" customHeight="1" x14ac:dyDescent="0.15">
      <c r="A219" s="3">
        <v>218</v>
      </c>
      <c r="B219" s="26" t="s">
        <v>1051</v>
      </c>
      <c r="C219" s="27" t="s">
        <v>984</v>
      </c>
      <c r="D219" s="28">
        <v>91</v>
      </c>
      <c r="E219" s="29" t="s">
        <v>1504</v>
      </c>
      <c r="F219" s="29" t="s">
        <v>348</v>
      </c>
      <c r="G219" s="27">
        <v>3</v>
      </c>
      <c r="H219" s="2"/>
      <c r="I219" s="2"/>
      <c r="J219" s="2"/>
      <c r="K219" s="2"/>
      <c r="L219" s="2"/>
      <c r="M219" s="2"/>
      <c r="N219" s="2"/>
      <c r="O219" s="2"/>
      <c r="P219" s="2"/>
      <c r="Q219" s="2"/>
      <c r="R219" s="2"/>
      <c r="S219" s="2"/>
      <c r="T219" s="2"/>
      <c r="U219" s="2"/>
      <c r="V219" s="2"/>
      <c r="W219" s="2"/>
      <c r="X219" s="2"/>
      <c r="Y219" s="2"/>
      <c r="Z219" s="2"/>
      <c r="AA219" s="2"/>
      <c r="AB219" s="2"/>
      <c r="AC219" s="2"/>
      <c r="AD219" s="2"/>
      <c r="AE219" s="2"/>
      <c r="AF219" s="2"/>
      <c r="AG219" s="2"/>
      <c r="AH219" s="2"/>
      <c r="AI219" s="2"/>
      <c r="AJ219" s="2"/>
      <c r="AK219" s="2"/>
      <c r="AL219" s="2"/>
      <c r="AM219" s="2"/>
      <c r="AN219" s="2"/>
      <c r="AO219" s="2"/>
      <c r="AP219" s="2"/>
      <c r="AQ219" s="2"/>
      <c r="AR219" s="2"/>
      <c r="AS219" s="2"/>
      <c r="AT219" s="2"/>
    </row>
    <row r="220" spans="1:46" s="3" customFormat="1" ht="13.5" customHeight="1" x14ac:dyDescent="0.15">
      <c r="A220" s="3">
        <v>219</v>
      </c>
      <c r="B220" s="26" t="s">
        <v>1051</v>
      </c>
      <c r="C220" s="27" t="s">
        <v>984</v>
      </c>
      <c r="D220" s="28">
        <v>101</v>
      </c>
      <c r="E220" s="29" t="s">
        <v>2129</v>
      </c>
      <c r="F220" s="29" t="s">
        <v>1560</v>
      </c>
      <c r="G220" s="27">
        <v>3</v>
      </c>
      <c r="H220" s="2"/>
      <c r="I220" s="2"/>
      <c r="J220" s="2"/>
      <c r="K220" s="2"/>
      <c r="L220" s="2"/>
      <c r="M220" s="2"/>
      <c r="N220" s="2"/>
      <c r="O220" s="2"/>
      <c r="P220" s="2"/>
      <c r="Q220" s="2"/>
      <c r="R220" s="2"/>
      <c r="S220" s="2"/>
      <c r="T220" s="2"/>
      <c r="U220" s="2"/>
      <c r="V220" s="2"/>
      <c r="W220" s="2"/>
      <c r="X220" s="2"/>
      <c r="Y220" s="2"/>
      <c r="Z220" s="2"/>
      <c r="AA220" s="2"/>
      <c r="AB220" s="2"/>
      <c r="AC220" s="2"/>
      <c r="AD220" s="2"/>
      <c r="AE220" s="2"/>
      <c r="AF220" s="2"/>
      <c r="AG220" s="2"/>
      <c r="AH220" s="2"/>
      <c r="AI220" s="2"/>
      <c r="AJ220" s="2"/>
      <c r="AK220" s="2"/>
      <c r="AL220" s="2"/>
      <c r="AM220" s="2"/>
      <c r="AN220" s="2"/>
      <c r="AO220" s="2"/>
      <c r="AP220" s="2"/>
      <c r="AQ220" s="2"/>
      <c r="AR220" s="2"/>
      <c r="AS220" s="2"/>
      <c r="AT220" s="2"/>
    </row>
    <row r="221" spans="1:46" s="3" customFormat="1" ht="13.5" customHeight="1" x14ac:dyDescent="0.15">
      <c r="A221" s="3">
        <v>220</v>
      </c>
      <c r="B221" s="26" t="s">
        <v>1051</v>
      </c>
      <c r="C221" s="27" t="s">
        <v>984</v>
      </c>
      <c r="D221" s="28">
        <v>111</v>
      </c>
      <c r="E221" s="29" t="s">
        <v>1661</v>
      </c>
      <c r="F221" s="29" t="s">
        <v>349</v>
      </c>
      <c r="G221" s="27">
        <v>3</v>
      </c>
      <c r="H221" s="2"/>
      <c r="I221" s="2"/>
      <c r="J221" s="2"/>
      <c r="K221" s="2"/>
      <c r="L221" s="2"/>
      <c r="M221" s="2"/>
      <c r="N221" s="2"/>
      <c r="O221" s="2"/>
      <c r="P221" s="2"/>
      <c r="Q221" s="2"/>
      <c r="R221" s="2"/>
      <c r="S221" s="2"/>
      <c r="T221" s="2"/>
      <c r="U221" s="2"/>
      <c r="V221" s="2"/>
      <c r="W221" s="2"/>
      <c r="X221" s="2"/>
      <c r="Y221" s="2"/>
      <c r="Z221" s="2"/>
      <c r="AA221" s="2"/>
      <c r="AB221" s="2"/>
      <c r="AC221" s="2"/>
      <c r="AD221" s="2"/>
      <c r="AE221" s="2"/>
      <c r="AF221" s="2"/>
      <c r="AG221" s="2"/>
      <c r="AH221" s="2"/>
      <c r="AI221" s="2"/>
      <c r="AJ221" s="2"/>
      <c r="AK221" s="2"/>
      <c r="AL221" s="2"/>
      <c r="AM221" s="2"/>
      <c r="AN221" s="2"/>
      <c r="AO221" s="2"/>
      <c r="AP221" s="2"/>
      <c r="AQ221" s="2"/>
      <c r="AR221" s="2"/>
      <c r="AS221" s="2"/>
      <c r="AT221" s="2"/>
    </row>
    <row r="222" spans="1:46" s="3" customFormat="1" ht="13.5" customHeight="1" x14ac:dyDescent="0.15">
      <c r="A222" s="3">
        <v>221</v>
      </c>
      <c r="B222" s="30" t="s">
        <v>613</v>
      </c>
      <c r="C222" s="27" t="s">
        <v>984</v>
      </c>
      <c r="D222" s="31">
        <v>13010</v>
      </c>
      <c r="E222" s="32" t="s">
        <v>536</v>
      </c>
      <c r="F222" s="32" t="s">
        <v>1264</v>
      </c>
      <c r="G222" s="27">
        <v>12</v>
      </c>
    </row>
    <row r="223" spans="1:46" s="3" customFormat="1" ht="13.5" customHeight="1" x14ac:dyDescent="0.15">
      <c r="A223" s="3">
        <v>222</v>
      </c>
      <c r="B223" s="30" t="s">
        <v>613</v>
      </c>
      <c r="C223" s="27" t="s">
        <v>984</v>
      </c>
      <c r="D223" s="31">
        <v>14090</v>
      </c>
      <c r="E223" s="32" t="s">
        <v>739</v>
      </c>
      <c r="F223" s="32" t="s">
        <v>1601</v>
      </c>
      <c r="G223" s="27">
        <v>8</v>
      </c>
      <c r="H223" s="4"/>
      <c r="I223" s="4"/>
      <c r="J223" s="4"/>
      <c r="K223" s="4"/>
      <c r="L223" s="4"/>
      <c r="M223" s="4"/>
      <c r="N223" s="4"/>
      <c r="O223" s="4"/>
      <c r="P223" s="4"/>
      <c r="Q223" s="4"/>
      <c r="R223" s="4"/>
      <c r="S223" s="4"/>
      <c r="T223" s="4"/>
      <c r="U223" s="4"/>
      <c r="V223" s="4"/>
      <c r="W223" s="4"/>
      <c r="X223" s="4"/>
      <c r="Y223" s="4"/>
      <c r="Z223" s="4"/>
      <c r="AA223" s="4"/>
      <c r="AB223" s="4"/>
      <c r="AC223" s="4"/>
      <c r="AD223" s="4"/>
      <c r="AE223" s="4"/>
      <c r="AF223" s="4"/>
      <c r="AG223" s="4"/>
      <c r="AH223" s="4"/>
      <c r="AI223" s="4"/>
      <c r="AJ223" s="4"/>
      <c r="AK223" s="4"/>
      <c r="AL223" s="4"/>
      <c r="AM223" s="4"/>
      <c r="AN223" s="4"/>
      <c r="AO223" s="4"/>
      <c r="AP223" s="4"/>
      <c r="AQ223" s="4"/>
      <c r="AR223" s="4"/>
      <c r="AS223" s="4"/>
      <c r="AT223" s="4"/>
    </row>
    <row r="224" spans="1:46" s="3" customFormat="1" ht="13.5" customHeight="1" x14ac:dyDescent="0.15">
      <c r="A224" s="3">
        <v>223</v>
      </c>
      <c r="B224" s="30" t="s">
        <v>613</v>
      </c>
      <c r="C224" s="27" t="s">
        <v>984</v>
      </c>
      <c r="D224" s="31">
        <v>14930</v>
      </c>
      <c r="E224" s="32" t="s">
        <v>8</v>
      </c>
      <c r="F224" s="32" t="s">
        <v>1602</v>
      </c>
      <c r="G224" s="27">
        <v>3</v>
      </c>
    </row>
    <row r="225" spans="1:46" s="3" customFormat="1" ht="13.5" customHeight="1" x14ac:dyDescent="0.15">
      <c r="A225" s="3">
        <v>224</v>
      </c>
      <c r="B225" s="30" t="s">
        <v>613</v>
      </c>
      <c r="C225" s="27" t="s">
        <v>2084</v>
      </c>
      <c r="D225" s="31">
        <v>15300</v>
      </c>
      <c r="E225" s="32" t="s">
        <v>1734</v>
      </c>
      <c r="F225" s="32" t="s">
        <v>1295</v>
      </c>
      <c r="G225" s="27">
        <v>12</v>
      </c>
    </row>
    <row r="226" spans="1:46" s="3" customFormat="1" ht="13.5" customHeight="1" x14ac:dyDescent="0.15">
      <c r="A226" s="3">
        <v>225</v>
      </c>
      <c r="B226" s="30" t="s">
        <v>613</v>
      </c>
      <c r="C226" s="27" t="s">
        <v>984</v>
      </c>
      <c r="D226" s="31">
        <v>20190</v>
      </c>
      <c r="E226" s="32" t="s">
        <v>331</v>
      </c>
      <c r="F226" s="32" t="s">
        <v>1977</v>
      </c>
      <c r="G226" s="27">
        <v>12</v>
      </c>
    </row>
    <row r="227" spans="1:46" s="3" customFormat="1" ht="13.5" customHeight="1" x14ac:dyDescent="0.15">
      <c r="A227" s="3">
        <v>226</v>
      </c>
      <c r="B227" s="30" t="s">
        <v>613</v>
      </c>
      <c r="C227" s="27" t="s">
        <v>984</v>
      </c>
      <c r="D227" s="31">
        <v>23950</v>
      </c>
      <c r="E227" s="32" t="s">
        <v>1847</v>
      </c>
      <c r="F227" s="32" t="s">
        <v>802</v>
      </c>
      <c r="G227" s="27">
        <v>12</v>
      </c>
    </row>
    <row r="228" spans="1:46" s="3" customFormat="1" ht="13.5" customHeight="1" x14ac:dyDescent="0.15">
      <c r="A228" s="3">
        <v>227</v>
      </c>
      <c r="B228" s="30" t="s">
        <v>613</v>
      </c>
      <c r="C228" s="27" t="s">
        <v>984</v>
      </c>
      <c r="D228" s="31">
        <v>27170</v>
      </c>
      <c r="E228" s="32" t="s">
        <v>966</v>
      </c>
      <c r="F228" s="32" t="s">
        <v>1976</v>
      </c>
      <c r="G228" s="27">
        <v>12</v>
      </c>
    </row>
    <row r="229" spans="1:46" s="3" customFormat="1" ht="13.5" customHeight="1" x14ac:dyDescent="0.15">
      <c r="A229" s="3">
        <v>228</v>
      </c>
      <c r="B229" s="30" t="s">
        <v>613</v>
      </c>
      <c r="C229" s="27" t="s">
        <v>984</v>
      </c>
      <c r="D229" s="31">
        <v>33080</v>
      </c>
      <c r="E229" s="32" t="s">
        <v>861</v>
      </c>
      <c r="F229" s="32" t="s">
        <v>1814</v>
      </c>
      <c r="G229" s="27">
        <v>3</v>
      </c>
    </row>
    <row r="230" spans="1:46" s="3" customFormat="1" ht="13.5" customHeight="1" x14ac:dyDescent="0.15">
      <c r="A230" s="3">
        <v>229</v>
      </c>
      <c r="B230" s="30" t="s">
        <v>613</v>
      </c>
      <c r="C230" s="27" t="s">
        <v>984</v>
      </c>
      <c r="D230" s="31">
        <v>34890</v>
      </c>
      <c r="E230" s="32" t="s">
        <v>1732</v>
      </c>
      <c r="F230" s="32" t="s">
        <v>2210</v>
      </c>
      <c r="G230" s="27">
        <v>6</v>
      </c>
    </row>
    <row r="231" spans="1:46" s="3" customFormat="1" ht="13.5" customHeight="1" x14ac:dyDescent="0.15">
      <c r="A231" s="3">
        <v>230</v>
      </c>
      <c r="B231" s="30" t="s">
        <v>613</v>
      </c>
      <c r="C231" s="27" t="s">
        <v>984</v>
      </c>
      <c r="D231" s="31">
        <v>39510</v>
      </c>
      <c r="E231" s="32" t="s">
        <v>3044</v>
      </c>
      <c r="F231" s="32" t="s">
        <v>803</v>
      </c>
      <c r="G231" s="27">
        <v>12</v>
      </c>
    </row>
    <row r="232" spans="1:46" s="3" customFormat="1" ht="13.5" customHeight="1" x14ac:dyDescent="0.15">
      <c r="A232" s="3">
        <v>231</v>
      </c>
      <c r="B232" s="30" t="s">
        <v>613</v>
      </c>
      <c r="C232" s="27" t="s">
        <v>22</v>
      </c>
      <c r="D232" s="43">
        <v>40230</v>
      </c>
      <c r="E232" s="29" t="s">
        <v>3500</v>
      </c>
      <c r="F232" s="29" t="s">
        <v>3501</v>
      </c>
      <c r="G232" s="27">
        <v>6</v>
      </c>
      <c r="H232" s="2"/>
      <c r="I232" s="2"/>
      <c r="J232" s="2"/>
      <c r="K232" s="2"/>
      <c r="L232" s="2"/>
      <c r="M232" s="2"/>
      <c r="N232" s="2"/>
      <c r="O232" s="2"/>
      <c r="P232" s="2"/>
      <c r="Q232" s="2"/>
      <c r="R232" s="2"/>
      <c r="S232" s="2"/>
      <c r="T232" s="2"/>
      <c r="U232" s="2"/>
      <c r="V232" s="2"/>
      <c r="W232" s="2"/>
      <c r="X232" s="2"/>
      <c r="Y232" s="2"/>
      <c r="Z232" s="2"/>
      <c r="AA232" s="2"/>
      <c r="AB232" s="2"/>
      <c r="AC232" s="2"/>
      <c r="AD232" s="2"/>
      <c r="AE232" s="2"/>
      <c r="AF232" s="2"/>
      <c r="AG232" s="2"/>
      <c r="AH232" s="2"/>
      <c r="AI232" s="2"/>
      <c r="AJ232" s="2"/>
      <c r="AK232" s="2"/>
      <c r="AL232" s="2"/>
      <c r="AM232" s="2"/>
      <c r="AN232" s="2"/>
      <c r="AO232" s="2"/>
      <c r="AP232" s="2"/>
      <c r="AQ232" s="2"/>
      <c r="AR232" s="2"/>
      <c r="AS232" s="2"/>
      <c r="AT232" s="2"/>
    </row>
    <row r="233" spans="1:46" ht="13.5" customHeight="1" x14ac:dyDescent="0.15">
      <c r="A233" s="3">
        <v>232</v>
      </c>
      <c r="B233" s="30" t="s">
        <v>613</v>
      </c>
      <c r="C233" s="44" t="s">
        <v>22</v>
      </c>
      <c r="D233" s="28">
        <v>41140</v>
      </c>
      <c r="E233" s="29" t="s">
        <v>255</v>
      </c>
      <c r="F233" s="32" t="s">
        <v>897</v>
      </c>
      <c r="G233" s="27">
        <v>6</v>
      </c>
      <c r="H233" s="3"/>
      <c r="I233" s="3"/>
      <c r="J233" s="3"/>
      <c r="K233" s="3"/>
      <c r="L233" s="3"/>
      <c r="M233" s="3"/>
      <c r="N233" s="3"/>
      <c r="O233" s="3"/>
      <c r="P233" s="3"/>
      <c r="Q233" s="3"/>
      <c r="R233" s="3"/>
      <c r="S233" s="3"/>
      <c r="T233" s="3"/>
      <c r="U233" s="3"/>
      <c r="V233" s="3"/>
      <c r="W233" s="3"/>
      <c r="X233" s="3"/>
      <c r="Y233" s="3"/>
      <c r="Z233" s="3"/>
      <c r="AA233" s="3"/>
      <c r="AB233" s="3"/>
      <c r="AC233" s="3"/>
      <c r="AD233" s="3"/>
      <c r="AE233" s="3"/>
      <c r="AF233" s="3"/>
      <c r="AG233" s="3"/>
      <c r="AH233" s="3"/>
      <c r="AI233" s="3"/>
      <c r="AJ233" s="3"/>
      <c r="AK233" s="3"/>
      <c r="AL233" s="3"/>
      <c r="AM233" s="3"/>
      <c r="AN233" s="3"/>
      <c r="AO233" s="3"/>
      <c r="AP233" s="3"/>
      <c r="AQ233" s="3"/>
      <c r="AR233" s="3"/>
      <c r="AS233" s="3"/>
      <c r="AT233" s="3"/>
    </row>
    <row r="234" spans="1:46" s="3" customFormat="1" ht="13.5" customHeight="1" x14ac:dyDescent="0.15">
      <c r="A234" s="3">
        <v>233</v>
      </c>
      <c r="B234" s="30" t="s">
        <v>613</v>
      </c>
      <c r="C234" s="27" t="s">
        <v>2084</v>
      </c>
      <c r="D234" s="28">
        <v>41610</v>
      </c>
      <c r="E234" s="32" t="s">
        <v>2075</v>
      </c>
      <c r="F234" s="32" t="s">
        <v>526</v>
      </c>
      <c r="G234" s="27">
        <v>7</v>
      </c>
    </row>
    <row r="235" spans="1:46" s="3" customFormat="1" ht="13.5" customHeight="1" x14ac:dyDescent="0.15">
      <c r="A235" s="3">
        <v>234</v>
      </c>
      <c r="B235" s="30" t="s">
        <v>613</v>
      </c>
      <c r="C235" s="27" t="s">
        <v>1157</v>
      </c>
      <c r="D235" s="28">
        <v>41900</v>
      </c>
      <c r="E235" s="38" t="s">
        <v>714</v>
      </c>
      <c r="F235" s="38" t="s">
        <v>2211</v>
      </c>
      <c r="G235" s="27">
        <v>6</v>
      </c>
    </row>
    <row r="236" spans="1:46" s="3" customFormat="1" ht="13.5" customHeight="1" x14ac:dyDescent="0.15">
      <c r="A236" s="3">
        <v>235</v>
      </c>
      <c r="B236" s="30" t="s">
        <v>613</v>
      </c>
      <c r="C236" s="27" t="s">
        <v>2084</v>
      </c>
      <c r="D236" s="28">
        <v>42000</v>
      </c>
      <c r="E236" s="32" t="s">
        <v>330</v>
      </c>
      <c r="F236" s="32" t="s">
        <v>2212</v>
      </c>
      <c r="G236" s="27">
        <v>6</v>
      </c>
    </row>
    <row r="237" spans="1:46" s="3" customFormat="1" ht="13.5" customHeight="1" x14ac:dyDescent="0.15">
      <c r="A237" s="3">
        <v>236</v>
      </c>
      <c r="B237" s="30" t="s">
        <v>613</v>
      </c>
      <c r="C237" s="27" t="s">
        <v>1157</v>
      </c>
      <c r="D237" s="28">
        <v>42240</v>
      </c>
      <c r="E237" s="38" t="s">
        <v>970</v>
      </c>
      <c r="F237" s="32" t="s">
        <v>2187</v>
      </c>
      <c r="G237" s="27">
        <v>5</v>
      </c>
    </row>
    <row r="238" spans="1:46" s="3" customFormat="1" ht="13.5" customHeight="1" x14ac:dyDescent="0.15">
      <c r="A238" s="3">
        <v>237</v>
      </c>
      <c r="B238" s="30" t="s">
        <v>613</v>
      </c>
      <c r="C238" s="27" t="s">
        <v>984</v>
      </c>
      <c r="D238" s="28">
        <v>42350</v>
      </c>
      <c r="E238" s="36" t="s">
        <v>1169</v>
      </c>
      <c r="F238" s="32" t="s">
        <v>2186</v>
      </c>
      <c r="G238" s="27">
        <v>8</v>
      </c>
    </row>
    <row r="239" spans="1:46" s="3" customFormat="1" ht="13.5" customHeight="1" x14ac:dyDescent="0.15">
      <c r="A239" s="3">
        <v>238</v>
      </c>
      <c r="B239" s="30" t="s">
        <v>613</v>
      </c>
      <c r="C239" s="27" t="s">
        <v>2084</v>
      </c>
      <c r="D239" s="34">
        <v>42830</v>
      </c>
      <c r="E239" s="32" t="s">
        <v>3093</v>
      </c>
      <c r="F239" s="32" t="s">
        <v>2156</v>
      </c>
      <c r="G239" s="27">
        <v>8</v>
      </c>
    </row>
    <row r="240" spans="1:46" s="3" customFormat="1" ht="13.5" customHeight="1" x14ac:dyDescent="0.15">
      <c r="A240" s="3">
        <v>239</v>
      </c>
      <c r="B240" s="30" t="s">
        <v>613</v>
      </c>
      <c r="C240" s="27" t="s">
        <v>2084</v>
      </c>
      <c r="D240" s="31">
        <v>143590</v>
      </c>
      <c r="E240" s="32" t="s">
        <v>2438</v>
      </c>
      <c r="F240" s="32" t="s">
        <v>2459</v>
      </c>
      <c r="G240" s="27">
        <v>8</v>
      </c>
    </row>
    <row r="241" spans="1:46" s="3" customFormat="1" ht="13.5" customHeight="1" x14ac:dyDescent="0.15">
      <c r="A241" s="3">
        <v>240</v>
      </c>
      <c r="B241" s="26" t="s">
        <v>549</v>
      </c>
      <c r="C241" s="27" t="s">
        <v>1157</v>
      </c>
      <c r="D241" s="28">
        <v>144550</v>
      </c>
      <c r="E241" s="45" t="s">
        <v>2712</v>
      </c>
      <c r="F241" s="45" t="s">
        <v>2720</v>
      </c>
      <c r="G241" s="39">
        <v>8</v>
      </c>
    </row>
    <row r="242" spans="1:46" s="3" customFormat="1" ht="13.5" customHeight="1" x14ac:dyDescent="0.15">
      <c r="A242" s="3">
        <v>241</v>
      </c>
      <c r="B242" s="30" t="s">
        <v>613</v>
      </c>
      <c r="C242" s="27" t="s">
        <v>2084</v>
      </c>
      <c r="D242" s="28">
        <v>144860</v>
      </c>
      <c r="E242" s="29" t="s">
        <v>2660</v>
      </c>
      <c r="F242" s="29" t="s">
        <v>2684</v>
      </c>
      <c r="G242" s="27">
        <v>7</v>
      </c>
    </row>
    <row r="243" spans="1:46" s="3" customFormat="1" ht="13.5" customHeight="1" x14ac:dyDescent="0.15">
      <c r="A243" s="3">
        <v>242</v>
      </c>
      <c r="B243" s="30" t="s">
        <v>613</v>
      </c>
      <c r="C243" s="27" t="s">
        <v>22</v>
      </c>
      <c r="D243" s="28">
        <v>145020</v>
      </c>
      <c r="E243" s="29" t="s">
        <v>2760</v>
      </c>
      <c r="F243" s="40" t="s">
        <v>2750</v>
      </c>
      <c r="G243" s="27">
        <v>3</v>
      </c>
    </row>
    <row r="244" spans="1:46" s="3" customFormat="1" ht="13.5" customHeight="1" x14ac:dyDescent="0.15">
      <c r="A244" s="3">
        <v>243</v>
      </c>
      <c r="B244" s="30" t="s">
        <v>613</v>
      </c>
      <c r="C244" s="27" t="s">
        <v>22</v>
      </c>
      <c r="D244" s="31">
        <v>145030</v>
      </c>
      <c r="E244" s="29" t="s">
        <v>2761</v>
      </c>
      <c r="F244" s="40" t="s">
        <v>2751</v>
      </c>
      <c r="G244" s="27">
        <v>3</v>
      </c>
    </row>
    <row r="245" spans="1:46" s="3" customFormat="1" ht="13.5" customHeight="1" x14ac:dyDescent="0.15">
      <c r="A245" s="3">
        <v>244</v>
      </c>
      <c r="B245" s="30" t="s">
        <v>613</v>
      </c>
      <c r="C245" s="27" t="s">
        <v>1157</v>
      </c>
      <c r="D245" s="28">
        <v>145100</v>
      </c>
      <c r="E245" s="29" t="s">
        <v>2768</v>
      </c>
      <c r="F245" s="40" t="s">
        <v>2741</v>
      </c>
      <c r="G245" s="27">
        <v>8</v>
      </c>
    </row>
    <row r="246" spans="1:46" s="3" customFormat="1" ht="13.5" customHeight="1" x14ac:dyDescent="0.15">
      <c r="A246" s="3">
        <v>245</v>
      </c>
      <c r="B246" s="30" t="s">
        <v>613</v>
      </c>
      <c r="C246" s="27" t="s">
        <v>22</v>
      </c>
      <c r="D246" s="31">
        <v>145430</v>
      </c>
      <c r="E246" s="29" t="s">
        <v>2842</v>
      </c>
      <c r="F246" s="40" t="s">
        <v>2814</v>
      </c>
      <c r="G246" s="27">
        <v>7</v>
      </c>
    </row>
    <row r="247" spans="1:46" s="3" customFormat="1" ht="13.5" customHeight="1" x14ac:dyDescent="0.15">
      <c r="A247" s="3">
        <v>246</v>
      </c>
      <c r="B247" s="30" t="s">
        <v>613</v>
      </c>
      <c r="C247" s="27" t="s">
        <v>22</v>
      </c>
      <c r="D247" s="31">
        <v>145480</v>
      </c>
      <c r="E247" s="29" t="s">
        <v>2847</v>
      </c>
      <c r="F247" s="40" t="s">
        <v>2819</v>
      </c>
      <c r="G247" s="27">
        <v>7</v>
      </c>
    </row>
    <row r="248" spans="1:46" s="3" customFormat="1" ht="13.5" customHeight="1" x14ac:dyDescent="0.15">
      <c r="A248" s="3">
        <v>247</v>
      </c>
      <c r="B248" s="30" t="s">
        <v>613</v>
      </c>
      <c r="C248" s="27" t="s">
        <v>2084</v>
      </c>
      <c r="D248" s="28">
        <v>145930</v>
      </c>
      <c r="E248" s="40" t="s">
        <v>2976</v>
      </c>
      <c r="F248" s="40" t="s">
        <v>2947</v>
      </c>
      <c r="G248" s="27">
        <v>4</v>
      </c>
      <c r="H248" s="2"/>
      <c r="I248" s="2"/>
      <c r="J248" s="2"/>
      <c r="K248" s="2"/>
      <c r="L248" s="2"/>
      <c r="M248" s="2"/>
      <c r="N248" s="2"/>
      <c r="O248" s="2"/>
      <c r="P248" s="2"/>
      <c r="Q248" s="2"/>
      <c r="R248" s="2"/>
      <c r="S248" s="2"/>
      <c r="T248" s="2"/>
      <c r="U248" s="2"/>
      <c r="V248" s="2"/>
      <c r="W248" s="2"/>
      <c r="X248" s="2"/>
      <c r="Y248" s="2"/>
      <c r="Z248" s="2"/>
      <c r="AA248" s="2"/>
      <c r="AB248" s="2"/>
      <c r="AC248" s="2"/>
      <c r="AD248" s="2"/>
      <c r="AE248" s="2"/>
      <c r="AF248" s="2"/>
      <c r="AG248" s="2"/>
      <c r="AH248" s="2"/>
      <c r="AI248" s="2"/>
      <c r="AJ248" s="2"/>
      <c r="AK248" s="2"/>
      <c r="AL248" s="2"/>
      <c r="AM248" s="2"/>
      <c r="AN248" s="2"/>
      <c r="AO248" s="2"/>
      <c r="AP248" s="2"/>
      <c r="AQ248" s="2"/>
      <c r="AR248" s="2"/>
      <c r="AS248" s="2"/>
      <c r="AT248" s="2"/>
    </row>
    <row r="249" spans="1:46" s="3" customFormat="1" ht="13.5" customHeight="1" x14ac:dyDescent="0.15">
      <c r="A249" s="3">
        <v>248</v>
      </c>
      <c r="B249" s="30" t="s">
        <v>613</v>
      </c>
      <c r="C249" s="27" t="s">
        <v>22</v>
      </c>
      <c r="D249" s="28">
        <v>146020</v>
      </c>
      <c r="E249" s="41" t="s">
        <v>2981</v>
      </c>
      <c r="F249" s="52" t="s">
        <v>2955</v>
      </c>
      <c r="G249" s="27">
        <v>2</v>
      </c>
      <c r="H249" s="2"/>
      <c r="I249" s="2"/>
      <c r="J249" s="2"/>
      <c r="K249" s="2"/>
      <c r="L249" s="2"/>
      <c r="M249" s="2"/>
      <c r="N249" s="2"/>
      <c r="O249" s="2"/>
      <c r="P249" s="2"/>
      <c r="Q249" s="2"/>
      <c r="R249" s="2"/>
      <c r="S249" s="2"/>
      <c r="T249" s="2"/>
      <c r="U249" s="2"/>
      <c r="V249" s="2"/>
      <c r="W249" s="2"/>
      <c r="X249" s="2"/>
      <c r="Y249" s="2"/>
      <c r="Z249" s="2"/>
      <c r="AA249" s="2"/>
      <c r="AB249" s="2"/>
      <c r="AC249" s="2"/>
      <c r="AD249" s="2"/>
      <c r="AE249" s="2"/>
      <c r="AF249" s="2"/>
      <c r="AG249" s="2"/>
      <c r="AH249" s="2"/>
      <c r="AI249" s="2"/>
      <c r="AJ249" s="2"/>
      <c r="AK249" s="2"/>
      <c r="AL249" s="2"/>
      <c r="AM249" s="2"/>
      <c r="AN249" s="2"/>
      <c r="AO249" s="2"/>
      <c r="AP249" s="2"/>
      <c r="AQ249" s="2"/>
      <c r="AR249" s="2"/>
      <c r="AS249" s="2"/>
      <c r="AT249" s="2"/>
    </row>
    <row r="250" spans="1:46" s="3" customFormat="1" ht="13.5" customHeight="1" x14ac:dyDescent="0.15">
      <c r="A250" s="3">
        <v>249</v>
      </c>
      <c r="B250" s="30" t="s">
        <v>613</v>
      </c>
      <c r="C250" s="39" t="s">
        <v>2084</v>
      </c>
      <c r="D250" s="33">
        <v>146390</v>
      </c>
      <c r="E250" s="40" t="s">
        <v>3137</v>
      </c>
      <c r="F250" s="29" t="s">
        <v>3163</v>
      </c>
      <c r="G250" s="27">
        <v>6</v>
      </c>
    </row>
    <row r="251" spans="1:46" s="3" customFormat="1" ht="13.5" customHeight="1" x14ac:dyDescent="0.15">
      <c r="A251" s="3">
        <v>250</v>
      </c>
      <c r="B251" s="30" t="s">
        <v>613</v>
      </c>
      <c r="C251" s="27" t="s">
        <v>3258</v>
      </c>
      <c r="D251" s="28">
        <v>146710</v>
      </c>
      <c r="E251" s="29" t="s">
        <v>3277</v>
      </c>
      <c r="F251" s="53" t="s">
        <v>3278</v>
      </c>
      <c r="G251" s="27">
        <v>6</v>
      </c>
      <c r="H251" s="2"/>
      <c r="I251" s="2"/>
      <c r="J251" s="2"/>
      <c r="K251" s="2"/>
      <c r="L251" s="2"/>
      <c r="M251" s="2"/>
      <c r="N251" s="2"/>
      <c r="O251" s="2"/>
      <c r="P251" s="2"/>
      <c r="Q251" s="2"/>
      <c r="R251" s="2"/>
      <c r="S251" s="2"/>
      <c r="T251" s="2"/>
      <c r="U251" s="2"/>
      <c r="V251" s="2"/>
      <c r="W251" s="2"/>
      <c r="X251" s="2"/>
      <c r="Y251" s="2"/>
      <c r="Z251" s="2"/>
      <c r="AA251" s="2"/>
      <c r="AB251" s="2"/>
      <c r="AC251" s="2"/>
      <c r="AD251" s="2"/>
      <c r="AE251" s="2"/>
      <c r="AF251" s="2"/>
      <c r="AG251" s="2"/>
      <c r="AH251" s="2"/>
      <c r="AI251" s="2"/>
      <c r="AJ251" s="2"/>
      <c r="AK251" s="2"/>
      <c r="AL251" s="2"/>
      <c r="AM251" s="2"/>
      <c r="AN251" s="2"/>
      <c r="AO251" s="2"/>
      <c r="AP251" s="2"/>
      <c r="AQ251" s="2"/>
      <c r="AR251" s="2"/>
      <c r="AS251" s="2"/>
      <c r="AT251" s="2"/>
    </row>
    <row r="252" spans="1:46" s="3" customFormat="1" ht="13.5" customHeight="1" x14ac:dyDescent="0.15">
      <c r="A252" s="3">
        <v>251</v>
      </c>
      <c r="B252" s="30" t="s">
        <v>613</v>
      </c>
      <c r="C252" s="27" t="s">
        <v>3258</v>
      </c>
      <c r="D252" s="28">
        <v>146720</v>
      </c>
      <c r="E252" s="29" t="s">
        <v>3279</v>
      </c>
      <c r="F252" s="53" t="s">
        <v>3280</v>
      </c>
      <c r="G252" s="27">
        <v>1</v>
      </c>
      <c r="H252" s="2"/>
      <c r="I252" s="2"/>
      <c r="J252" s="2"/>
      <c r="K252" s="2"/>
      <c r="L252" s="2"/>
      <c r="M252" s="2"/>
      <c r="N252" s="2"/>
      <c r="O252" s="2"/>
      <c r="P252" s="2"/>
      <c r="Q252" s="2"/>
      <c r="R252" s="2"/>
      <c r="S252" s="2"/>
      <c r="T252" s="2"/>
      <c r="U252" s="2"/>
      <c r="V252" s="2"/>
      <c r="W252" s="2"/>
      <c r="X252" s="2"/>
      <c r="Y252" s="2"/>
      <c r="Z252" s="2"/>
      <c r="AA252" s="2"/>
      <c r="AB252" s="2"/>
      <c r="AC252" s="2"/>
      <c r="AD252" s="2"/>
      <c r="AE252" s="2"/>
      <c r="AF252" s="2"/>
      <c r="AG252" s="2"/>
      <c r="AH252" s="2"/>
      <c r="AI252" s="2"/>
      <c r="AJ252" s="2"/>
      <c r="AK252" s="2"/>
      <c r="AL252" s="2"/>
      <c r="AM252" s="2"/>
      <c r="AN252" s="2"/>
      <c r="AO252" s="2"/>
      <c r="AP252" s="2"/>
      <c r="AQ252" s="2"/>
      <c r="AR252" s="2"/>
      <c r="AS252" s="2"/>
      <c r="AT252" s="2"/>
    </row>
    <row r="253" spans="1:46" s="3" customFormat="1" ht="13.5" customHeight="1" x14ac:dyDescent="0.15">
      <c r="A253" s="3">
        <v>252</v>
      </c>
      <c r="B253" s="30" t="s">
        <v>613</v>
      </c>
      <c r="C253" s="27" t="s">
        <v>3258</v>
      </c>
      <c r="D253" s="28">
        <v>146930</v>
      </c>
      <c r="E253" s="29" t="s">
        <v>3321</v>
      </c>
      <c r="F253" s="53" t="s">
        <v>3322</v>
      </c>
      <c r="G253" s="27">
        <v>8</v>
      </c>
      <c r="H253" s="2"/>
      <c r="I253" s="2"/>
      <c r="J253" s="2"/>
      <c r="K253" s="2"/>
      <c r="L253" s="2"/>
      <c r="M253" s="2"/>
      <c r="N253" s="2"/>
      <c r="O253" s="2"/>
      <c r="P253" s="2"/>
      <c r="Q253" s="2"/>
      <c r="R253" s="2"/>
      <c r="S253" s="2"/>
      <c r="T253" s="2"/>
      <c r="U253" s="2"/>
      <c r="V253" s="2"/>
      <c r="W253" s="2"/>
      <c r="X253" s="2"/>
      <c r="Y253" s="2"/>
      <c r="Z253" s="2"/>
      <c r="AA253" s="2"/>
      <c r="AB253" s="2"/>
      <c r="AC253" s="2"/>
      <c r="AD253" s="2"/>
      <c r="AE253" s="2"/>
      <c r="AF253" s="2"/>
      <c r="AG253" s="2"/>
      <c r="AH253" s="2"/>
      <c r="AI253" s="2"/>
      <c r="AJ253" s="2"/>
      <c r="AK253" s="2"/>
      <c r="AL253" s="2"/>
      <c r="AM253" s="2"/>
      <c r="AN253" s="2"/>
      <c r="AO253" s="2"/>
      <c r="AP253" s="2"/>
      <c r="AQ253" s="2"/>
      <c r="AR253" s="2"/>
      <c r="AS253" s="2"/>
      <c r="AT253" s="2"/>
    </row>
    <row r="254" spans="1:46" s="3" customFormat="1" ht="13.5" customHeight="1" x14ac:dyDescent="0.15">
      <c r="A254" s="3">
        <v>253</v>
      </c>
      <c r="B254" s="30" t="s">
        <v>613</v>
      </c>
      <c r="C254" s="27" t="s">
        <v>3258</v>
      </c>
      <c r="D254" s="28">
        <v>146940</v>
      </c>
      <c r="E254" s="29" t="s">
        <v>3323</v>
      </c>
      <c r="F254" s="53" t="s">
        <v>3324</v>
      </c>
      <c r="G254" s="27">
        <v>6</v>
      </c>
      <c r="H254" s="2"/>
      <c r="I254" s="2"/>
      <c r="J254" s="2"/>
      <c r="K254" s="2"/>
      <c r="L254" s="2"/>
      <c r="M254" s="2"/>
      <c r="N254" s="2"/>
      <c r="O254" s="2"/>
      <c r="P254" s="2"/>
      <c r="Q254" s="2"/>
      <c r="R254" s="2"/>
      <c r="S254" s="2"/>
      <c r="T254" s="2"/>
      <c r="U254" s="2"/>
      <c r="V254" s="2"/>
      <c r="W254" s="2"/>
      <c r="X254" s="2"/>
      <c r="Y254" s="2"/>
      <c r="Z254" s="2"/>
      <c r="AA254" s="2"/>
      <c r="AB254" s="2"/>
      <c r="AC254" s="2"/>
      <c r="AD254" s="2"/>
      <c r="AE254" s="2"/>
      <c r="AF254" s="2"/>
      <c r="AG254" s="2"/>
      <c r="AH254" s="2"/>
      <c r="AI254" s="2"/>
      <c r="AJ254" s="2"/>
      <c r="AK254" s="2"/>
      <c r="AL254" s="2"/>
      <c r="AM254" s="2"/>
      <c r="AN254" s="2"/>
      <c r="AO254" s="2"/>
      <c r="AP254" s="2"/>
      <c r="AQ254" s="2"/>
      <c r="AR254" s="2"/>
      <c r="AS254" s="2"/>
      <c r="AT254" s="2"/>
    </row>
    <row r="255" spans="1:46" s="3" customFormat="1" ht="13.5" customHeight="1" x14ac:dyDescent="0.15">
      <c r="A255" s="3">
        <v>254</v>
      </c>
      <c r="B255" s="30" t="s">
        <v>613</v>
      </c>
      <c r="C255" s="27" t="s">
        <v>3413</v>
      </c>
      <c r="D255" s="28">
        <v>147110</v>
      </c>
      <c r="E255" s="29" t="s">
        <v>3372</v>
      </c>
      <c r="F255" s="29" t="s">
        <v>3393</v>
      </c>
      <c r="G255" s="27">
        <v>8</v>
      </c>
      <c r="H255" s="2"/>
      <c r="I255" s="2"/>
      <c r="J255" s="2"/>
      <c r="K255" s="2"/>
      <c r="L255" s="2"/>
      <c r="M255" s="2"/>
      <c r="N255" s="2"/>
      <c r="O255" s="2"/>
      <c r="P255" s="2"/>
      <c r="Q255" s="2"/>
      <c r="R255" s="2"/>
      <c r="S255" s="2"/>
      <c r="T255" s="2"/>
      <c r="U255" s="2"/>
      <c r="V255" s="2"/>
      <c r="W255" s="2"/>
      <c r="X255" s="2"/>
      <c r="Y255" s="2"/>
      <c r="Z255" s="2"/>
      <c r="AA255" s="2"/>
      <c r="AB255" s="2"/>
      <c r="AC255" s="2"/>
      <c r="AD255" s="2"/>
      <c r="AE255" s="2"/>
      <c r="AF255" s="2"/>
      <c r="AG255" s="2"/>
      <c r="AH255" s="2"/>
      <c r="AI255" s="2"/>
      <c r="AJ255" s="2"/>
      <c r="AK255" s="2"/>
      <c r="AL255" s="2"/>
      <c r="AM255" s="2"/>
      <c r="AN255" s="2"/>
      <c r="AO255" s="2"/>
      <c r="AP255" s="2"/>
      <c r="AQ255" s="2"/>
      <c r="AR255" s="2"/>
      <c r="AS255" s="2"/>
      <c r="AT255" s="2"/>
    </row>
    <row r="256" spans="1:46" s="3" customFormat="1" ht="13.5" customHeight="1" x14ac:dyDescent="0.15">
      <c r="A256" s="3">
        <v>255</v>
      </c>
      <c r="B256" s="30" t="s">
        <v>613</v>
      </c>
      <c r="C256" s="27" t="s">
        <v>3466</v>
      </c>
      <c r="D256" s="28">
        <v>147340</v>
      </c>
      <c r="E256" s="29" t="s">
        <v>3439</v>
      </c>
      <c r="F256" s="29" t="s">
        <v>3465</v>
      </c>
      <c r="G256" s="27">
        <v>6</v>
      </c>
      <c r="H256" s="2"/>
      <c r="I256" s="2"/>
      <c r="J256" s="2"/>
      <c r="K256" s="2"/>
      <c r="L256" s="2"/>
      <c r="M256" s="2"/>
      <c r="N256" s="2"/>
      <c r="O256" s="2"/>
      <c r="P256" s="2"/>
      <c r="Q256" s="2"/>
      <c r="R256" s="2"/>
      <c r="S256" s="2"/>
      <c r="T256" s="2"/>
      <c r="U256" s="2"/>
      <c r="V256" s="2"/>
      <c r="W256" s="2"/>
      <c r="X256" s="2"/>
      <c r="Y256" s="2"/>
      <c r="Z256" s="2"/>
      <c r="AA256" s="2"/>
      <c r="AB256" s="2"/>
      <c r="AC256" s="2"/>
      <c r="AD256" s="2"/>
      <c r="AE256" s="2"/>
      <c r="AF256" s="2"/>
      <c r="AG256" s="2"/>
      <c r="AH256" s="2"/>
      <c r="AI256" s="2"/>
      <c r="AJ256" s="2"/>
      <c r="AK256" s="2"/>
      <c r="AL256" s="2"/>
      <c r="AM256" s="2"/>
      <c r="AN256" s="2"/>
      <c r="AO256" s="2"/>
      <c r="AP256" s="2"/>
      <c r="AQ256" s="2"/>
      <c r="AR256" s="2"/>
      <c r="AS256" s="2"/>
      <c r="AT256" s="2"/>
    </row>
    <row r="257" spans="1:46" s="3" customFormat="1" ht="13.5" customHeight="1" x14ac:dyDescent="0.15">
      <c r="A257" s="3">
        <v>256</v>
      </c>
      <c r="B257" s="30" t="s">
        <v>613</v>
      </c>
      <c r="C257" s="27" t="s">
        <v>3466</v>
      </c>
      <c r="D257" s="28">
        <v>147370</v>
      </c>
      <c r="E257" s="29" t="s">
        <v>3442</v>
      </c>
      <c r="F257" s="29" t="s">
        <v>3471</v>
      </c>
      <c r="G257" s="27">
        <v>8</v>
      </c>
      <c r="H257" s="2"/>
      <c r="I257" s="2"/>
      <c r="J257" s="2"/>
      <c r="K257" s="2"/>
      <c r="L257" s="2"/>
      <c r="M257" s="2"/>
      <c r="N257" s="2"/>
      <c r="O257" s="2"/>
      <c r="P257" s="2"/>
      <c r="Q257" s="2"/>
      <c r="R257" s="2"/>
      <c r="S257" s="2"/>
      <c r="T257" s="2"/>
      <c r="U257" s="2"/>
      <c r="V257" s="2"/>
      <c r="W257" s="2"/>
      <c r="X257" s="2"/>
      <c r="Y257" s="2"/>
      <c r="Z257" s="2"/>
      <c r="AA257" s="2"/>
      <c r="AB257" s="2"/>
      <c r="AC257" s="2"/>
      <c r="AD257" s="2"/>
      <c r="AE257" s="2"/>
      <c r="AF257" s="2"/>
      <c r="AG257" s="2"/>
      <c r="AH257" s="2"/>
      <c r="AI257" s="2"/>
      <c r="AJ257" s="2"/>
      <c r="AK257" s="2"/>
      <c r="AL257" s="2"/>
      <c r="AM257" s="2"/>
      <c r="AN257" s="2"/>
      <c r="AO257" s="2"/>
      <c r="AP257" s="2"/>
      <c r="AQ257" s="2"/>
      <c r="AR257" s="2"/>
      <c r="AS257" s="2"/>
      <c r="AT257" s="2"/>
    </row>
    <row r="258" spans="1:46" s="3" customFormat="1" ht="13.5" customHeight="1" x14ac:dyDescent="0.15">
      <c r="A258" s="3">
        <v>257</v>
      </c>
      <c r="B258" s="30" t="s">
        <v>613</v>
      </c>
      <c r="C258" s="27" t="s">
        <v>3466</v>
      </c>
      <c r="D258" s="28">
        <v>147430</v>
      </c>
      <c r="E258" s="29" t="s">
        <v>3448</v>
      </c>
      <c r="F258" s="29" t="s">
        <v>3479</v>
      </c>
      <c r="G258" s="27">
        <v>3</v>
      </c>
      <c r="H258" s="2"/>
      <c r="I258" s="2"/>
      <c r="J258" s="2"/>
      <c r="K258" s="2"/>
      <c r="L258" s="2"/>
      <c r="M258" s="2"/>
      <c r="N258" s="2"/>
      <c r="O258" s="2"/>
      <c r="P258" s="2"/>
      <c r="Q258" s="2"/>
      <c r="R258" s="2"/>
      <c r="S258" s="2"/>
      <c r="T258" s="2"/>
      <c r="U258" s="2"/>
      <c r="V258" s="2"/>
      <c r="W258" s="2"/>
      <c r="X258" s="2"/>
      <c r="Y258" s="2"/>
      <c r="Z258" s="2"/>
      <c r="AA258" s="2"/>
      <c r="AB258" s="2"/>
      <c r="AC258" s="2"/>
      <c r="AD258" s="2"/>
      <c r="AE258" s="2"/>
      <c r="AF258" s="2"/>
      <c r="AG258" s="2"/>
      <c r="AH258" s="2"/>
      <c r="AI258" s="2"/>
      <c r="AJ258" s="2"/>
      <c r="AK258" s="2"/>
      <c r="AL258" s="2"/>
      <c r="AM258" s="2"/>
      <c r="AN258" s="2"/>
      <c r="AO258" s="2"/>
      <c r="AP258" s="2"/>
      <c r="AQ258" s="2"/>
      <c r="AR258" s="2"/>
      <c r="AS258" s="2"/>
      <c r="AT258" s="2"/>
    </row>
    <row r="259" spans="1:46" s="3" customFormat="1" ht="13.5" customHeight="1" x14ac:dyDescent="0.15">
      <c r="A259" s="3">
        <v>258</v>
      </c>
      <c r="B259" s="30" t="s">
        <v>613</v>
      </c>
      <c r="C259" s="27" t="s">
        <v>2084</v>
      </c>
      <c r="D259" s="28">
        <v>147670</v>
      </c>
      <c r="E259" s="42" t="s">
        <v>3520</v>
      </c>
      <c r="F259" s="29" t="s">
        <v>3553</v>
      </c>
      <c r="G259" s="27">
        <v>12</v>
      </c>
      <c r="H259" s="2"/>
      <c r="I259" s="2"/>
      <c r="J259" s="2"/>
      <c r="K259" s="2"/>
      <c r="L259" s="2"/>
      <c r="M259" s="2"/>
      <c r="N259" s="2"/>
      <c r="O259" s="2"/>
      <c r="P259" s="2"/>
      <c r="Q259" s="2"/>
      <c r="R259" s="2"/>
      <c r="S259" s="2"/>
      <c r="T259" s="2"/>
      <c r="U259" s="2"/>
      <c r="V259" s="2"/>
      <c r="W259" s="2"/>
      <c r="X259" s="2"/>
      <c r="Y259" s="2"/>
      <c r="Z259" s="2"/>
      <c r="AA259" s="2"/>
      <c r="AB259" s="2"/>
      <c r="AC259" s="2"/>
      <c r="AD259" s="2"/>
      <c r="AE259" s="2"/>
      <c r="AF259" s="2"/>
      <c r="AG259" s="2"/>
      <c r="AH259" s="2"/>
      <c r="AI259" s="2"/>
      <c r="AJ259" s="2"/>
      <c r="AK259" s="2"/>
      <c r="AL259" s="2"/>
      <c r="AM259" s="2"/>
      <c r="AN259" s="2"/>
      <c r="AO259" s="2"/>
      <c r="AP259" s="2"/>
      <c r="AQ259" s="2"/>
      <c r="AR259" s="2"/>
      <c r="AS259" s="2"/>
      <c r="AT259" s="2"/>
    </row>
    <row r="260" spans="1:46" s="3" customFormat="1" ht="13.5" customHeight="1" x14ac:dyDescent="0.15">
      <c r="A260" s="3">
        <v>259</v>
      </c>
      <c r="B260" s="26" t="s">
        <v>1051</v>
      </c>
      <c r="C260" s="27" t="s">
        <v>821</v>
      </c>
      <c r="D260" s="28">
        <v>121</v>
      </c>
      <c r="E260" s="29" t="s">
        <v>289</v>
      </c>
      <c r="F260" s="29" t="s">
        <v>3573</v>
      </c>
      <c r="G260" s="27">
        <v>5</v>
      </c>
      <c r="H260" s="2"/>
      <c r="I260" s="2"/>
      <c r="J260" s="2"/>
      <c r="K260" s="2"/>
      <c r="L260" s="2"/>
      <c r="M260" s="2"/>
      <c r="N260" s="2"/>
      <c r="O260" s="2"/>
      <c r="P260" s="2"/>
      <c r="Q260" s="2"/>
      <c r="R260" s="2"/>
      <c r="S260" s="2"/>
      <c r="T260" s="2"/>
      <c r="U260" s="2"/>
      <c r="V260" s="2"/>
      <c r="W260" s="2"/>
      <c r="X260" s="2"/>
      <c r="Y260" s="2"/>
      <c r="Z260" s="2"/>
      <c r="AA260" s="2"/>
      <c r="AB260" s="2"/>
      <c r="AC260" s="2"/>
      <c r="AD260" s="2"/>
      <c r="AE260" s="2"/>
      <c r="AF260" s="2"/>
      <c r="AG260" s="2"/>
      <c r="AH260" s="2"/>
      <c r="AI260" s="2"/>
      <c r="AJ260" s="2"/>
      <c r="AK260" s="2"/>
      <c r="AL260" s="2"/>
      <c r="AM260" s="2"/>
      <c r="AN260" s="2"/>
      <c r="AO260" s="2"/>
      <c r="AP260" s="2"/>
      <c r="AQ260" s="2"/>
      <c r="AR260" s="2"/>
      <c r="AS260" s="2"/>
      <c r="AT260" s="2"/>
    </row>
    <row r="261" spans="1:46" s="3" customFormat="1" ht="13.5" customHeight="1" x14ac:dyDescent="0.15">
      <c r="A261" s="3">
        <v>260</v>
      </c>
      <c r="B261" s="30" t="s">
        <v>613</v>
      </c>
      <c r="C261" s="27" t="s">
        <v>821</v>
      </c>
      <c r="D261" s="31">
        <v>2630</v>
      </c>
      <c r="E261" s="32" t="s">
        <v>1955</v>
      </c>
      <c r="F261" s="32" t="s">
        <v>1870</v>
      </c>
      <c r="G261" s="27">
        <v>3</v>
      </c>
    </row>
    <row r="262" spans="1:46" s="3" customFormat="1" ht="13.5" customHeight="1" x14ac:dyDescent="0.15">
      <c r="A262" s="3">
        <v>261</v>
      </c>
      <c r="B262" s="30" t="s">
        <v>613</v>
      </c>
      <c r="C262" s="27" t="s">
        <v>821</v>
      </c>
      <c r="D262" s="31">
        <v>2960</v>
      </c>
      <c r="E262" s="32" t="s">
        <v>1224</v>
      </c>
      <c r="F262" s="32" t="s">
        <v>2043</v>
      </c>
      <c r="G262" s="27">
        <v>4</v>
      </c>
    </row>
    <row r="263" spans="1:46" s="3" customFormat="1" ht="13.5" customHeight="1" x14ac:dyDescent="0.15">
      <c r="A263" s="3">
        <v>262</v>
      </c>
      <c r="B263" s="30" t="s">
        <v>613</v>
      </c>
      <c r="C263" s="27" t="s">
        <v>821</v>
      </c>
      <c r="D263" s="31">
        <v>4430</v>
      </c>
      <c r="E263" s="32" t="s">
        <v>1805</v>
      </c>
      <c r="F263" s="32" t="s">
        <v>596</v>
      </c>
      <c r="G263" s="27">
        <v>6</v>
      </c>
    </row>
    <row r="264" spans="1:46" s="3" customFormat="1" ht="13.5" customHeight="1" x14ac:dyDescent="0.15">
      <c r="A264" s="3">
        <v>263</v>
      </c>
      <c r="B264" s="30" t="s">
        <v>613</v>
      </c>
      <c r="C264" s="27" t="s">
        <v>821</v>
      </c>
      <c r="D264" s="31">
        <v>7160</v>
      </c>
      <c r="E264" s="32" t="s">
        <v>335</v>
      </c>
      <c r="F264" s="32" t="s">
        <v>2627</v>
      </c>
      <c r="G264" s="27">
        <v>7</v>
      </c>
    </row>
    <row r="265" spans="1:46" s="3" customFormat="1" ht="13.5" customHeight="1" x14ac:dyDescent="0.15">
      <c r="A265" s="3">
        <v>264</v>
      </c>
      <c r="B265" s="30" t="s">
        <v>613</v>
      </c>
      <c r="C265" s="27" t="s">
        <v>821</v>
      </c>
      <c r="D265" s="31">
        <v>8030</v>
      </c>
      <c r="E265" s="32" t="s">
        <v>671</v>
      </c>
      <c r="F265" s="32" t="s">
        <v>606</v>
      </c>
      <c r="G265" s="27">
        <v>6</v>
      </c>
    </row>
    <row r="266" spans="1:46" s="3" customFormat="1" ht="13.5" customHeight="1" x14ac:dyDescent="0.15">
      <c r="A266" s="3">
        <v>265</v>
      </c>
      <c r="B266" s="30" t="s">
        <v>613</v>
      </c>
      <c r="C266" s="27" t="s">
        <v>821</v>
      </c>
      <c r="D266" s="31">
        <v>12450</v>
      </c>
      <c r="E266" s="32" t="s">
        <v>845</v>
      </c>
      <c r="F266" s="32" t="s">
        <v>597</v>
      </c>
      <c r="G266" s="27">
        <v>7</v>
      </c>
    </row>
    <row r="267" spans="1:46" s="3" customFormat="1" ht="13.5" customHeight="1" x14ac:dyDescent="0.15">
      <c r="A267" s="3">
        <v>266</v>
      </c>
      <c r="B267" s="30" t="s">
        <v>613</v>
      </c>
      <c r="C267" s="27" t="s">
        <v>821</v>
      </c>
      <c r="D267" s="31">
        <v>14450</v>
      </c>
      <c r="E267" s="32" t="s">
        <v>1087</v>
      </c>
      <c r="F267" s="32" t="s">
        <v>595</v>
      </c>
      <c r="G267" s="27">
        <v>12</v>
      </c>
    </row>
    <row r="268" spans="1:46" s="3" customFormat="1" ht="13.5" customHeight="1" x14ac:dyDescent="0.15">
      <c r="A268" s="3">
        <v>267</v>
      </c>
      <c r="B268" s="30" t="s">
        <v>613</v>
      </c>
      <c r="C268" s="27" t="s">
        <v>821</v>
      </c>
      <c r="D268" s="31">
        <v>15480</v>
      </c>
      <c r="E268" s="32" t="s">
        <v>1809</v>
      </c>
      <c r="F268" s="32" t="s">
        <v>2042</v>
      </c>
      <c r="G268" s="27">
        <v>3</v>
      </c>
    </row>
    <row r="269" spans="1:46" s="3" customFormat="1" ht="13.5" customHeight="1" x14ac:dyDescent="0.15">
      <c r="A269" s="3">
        <v>268</v>
      </c>
      <c r="B269" s="30" t="s">
        <v>613</v>
      </c>
      <c r="C269" s="27" t="s">
        <v>821</v>
      </c>
      <c r="D269" s="31">
        <v>19220</v>
      </c>
      <c r="E269" s="32" t="s">
        <v>1396</v>
      </c>
      <c r="F269" s="32" t="s">
        <v>605</v>
      </c>
      <c r="G269" s="27">
        <v>5</v>
      </c>
    </row>
    <row r="270" spans="1:46" s="3" customFormat="1" ht="13.5" customHeight="1" x14ac:dyDescent="0.15">
      <c r="A270" s="3">
        <v>269</v>
      </c>
      <c r="B270" s="30" t="s">
        <v>613</v>
      </c>
      <c r="C270" s="27" t="s">
        <v>821</v>
      </c>
      <c r="D270" s="31">
        <v>19530</v>
      </c>
      <c r="E270" s="32" t="s">
        <v>974</v>
      </c>
      <c r="F270" s="32" t="s">
        <v>804</v>
      </c>
      <c r="G270" s="27">
        <v>6</v>
      </c>
    </row>
    <row r="271" spans="1:46" s="3" customFormat="1" ht="13.5" customHeight="1" x14ac:dyDescent="0.15">
      <c r="A271" s="3">
        <v>270</v>
      </c>
      <c r="B271" s="30" t="s">
        <v>613</v>
      </c>
      <c r="C271" s="27" t="s">
        <v>821</v>
      </c>
      <c r="D271" s="31">
        <v>20720</v>
      </c>
      <c r="E271" s="32" t="s">
        <v>2050</v>
      </c>
      <c r="F271" s="32" t="s">
        <v>402</v>
      </c>
      <c r="G271" s="27">
        <v>7</v>
      </c>
    </row>
    <row r="272" spans="1:46" s="3" customFormat="1" ht="13.5" customHeight="1" x14ac:dyDescent="0.15">
      <c r="A272" s="3">
        <v>271</v>
      </c>
      <c r="B272" s="30" t="s">
        <v>613</v>
      </c>
      <c r="C272" s="27" t="s">
        <v>821</v>
      </c>
      <c r="D272" s="31">
        <v>20730</v>
      </c>
      <c r="E272" s="32" t="s">
        <v>785</v>
      </c>
      <c r="F272" s="32" t="s">
        <v>1913</v>
      </c>
      <c r="G272" s="27">
        <v>12</v>
      </c>
    </row>
    <row r="273" spans="1:7" s="3" customFormat="1" ht="13.5" customHeight="1" x14ac:dyDescent="0.15">
      <c r="A273" s="3">
        <v>272</v>
      </c>
      <c r="B273" s="30" t="s">
        <v>613</v>
      </c>
      <c r="C273" s="27" t="s">
        <v>821</v>
      </c>
      <c r="D273" s="31">
        <v>21700</v>
      </c>
      <c r="E273" s="32" t="s">
        <v>2029</v>
      </c>
      <c r="F273" s="32" t="s">
        <v>1912</v>
      </c>
      <c r="G273" s="27">
        <v>6</v>
      </c>
    </row>
    <row r="274" spans="1:7" s="3" customFormat="1" ht="13.5" customHeight="1" x14ac:dyDescent="0.15">
      <c r="A274" s="3">
        <v>273</v>
      </c>
      <c r="B274" s="30" t="s">
        <v>613</v>
      </c>
      <c r="C274" s="27" t="s">
        <v>821</v>
      </c>
      <c r="D274" s="31">
        <v>27630</v>
      </c>
      <c r="E274" s="32" t="s">
        <v>1796</v>
      </c>
      <c r="F274" s="32" t="s">
        <v>806</v>
      </c>
      <c r="G274" s="27">
        <v>6</v>
      </c>
    </row>
    <row r="275" spans="1:7" s="3" customFormat="1" ht="13.5" customHeight="1" x14ac:dyDescent="0.15">
      <c r="A275" s="3">
        <v>274</v>
      </c>
      <c r="B275" s="30" t="s">
        <v>613</v>
      </c>
      <c r="C275" s="27" t="s">
        <v>821</v>
      </c>
      <c r="D275" s="31">
        <v>30710</v>
      </c>
      <c r="E275" s="32" t="s">
        <v>24</v>
      </c>
      <c r="F275" s="32" t="s">
        <v>1289</v>
      </c>
      <c r="G275" s="27">
        <v>7</v>
      </c>
    </row>
    <row r="276" spans="1:7" s="3" customFormat="1" ht="13.5" customHeight="1" x14ac:dyDescent="0.15">
      <c r="A276" s="3">
        <v>275</v>
      </c>
      <c r="B276" s="30" t="s">
        <v>613</v>
      </c>
      <c r="C276" s="27" t="s">
        <v>821</v>
      </c>
      <c r="D276" s="31">
        <v>31660</v>
      </c>
      <c r="E276" s="32" t="s">
        <v>1423</v>
      </c>
      <c r="F276" s="32" t="s">
        <v>1911</v>
      </c>
      <c r="G276" s="27">
        <v>2</v>
      </c>
    </row>
    <row r="277" spans="1:7" s="3" customFormat="1" ht="13.5" customHeight="1" x14ac:dyDescent="0.15">
      <c r="A277" s="3">
        <v>276</v>
      </c>
      <c r="B277" s="30" t="s">
        <v>613</v>
      </c>
      <c r="C277" s="27" t="s">
        <v>821</v>
      </c>
      <c r="D277" s="31">
        <v>31680</v>
      </c>
      <c r="E277" s="32" t="s">
        <v>319</v>
      </c>
      <c r="F277" s="32" t="s">
        <v>2041</v>
      </c>
      <c r="G277" s="27">
        <v>7</v>
      </c>
    </row>
    <row r="278" spans="1:7" s="3" customFormat="1" ht="13.5" customHeight="1" x14ac:dyDescent="0.15">
      <c r="A278" s="3">
        <v>277</v>
      </c>
      <c r="B278" s="30" t="s">
        <v>613</v>
      </c>
      <c r="C278" s="27" t="s">
        <v>821</v>
      </c>
      <c r="D278" s="31">
        <v>31690</v>
      </c>
      <c r="E278" s="32" t="s">
        <v>923</v>
      </c>
      <c r="F278" s="32" t="s">
        <v>1229</v>
      </c>
      <c r="G278" s="27">
        <v>3</v>
      </c>
    </row>
    <row r="279" spans="1:7" s="3" customFormat="1" ht="13.5" customHeight="1" x14ac:dyDescent="0.15">
      <c r="A279" s="3">
        <v>278</v>
      </c>
      <c r="B279" s="30" t="s">
        <v>613</v>
      </c>
      <c r="C279" s="27" t="s">
        <v>821</v>
      </c>
      <c r="D279" s="31">
        <v>31700</v>
      </c>
      <c r="E279" s="32" t="s">
        <v>924</v>
      </c>
      <c r="F279" s="32" t="s">
        <v>401</v>
      </c>
      <c r="G279" s="27">
        <v>6</v>
      </c>
    </row>
    <row r="280" spans="1:7" s="3" customFormat="1" ht="13.5" customHeight="1" x14ac:dyDescent="0.15">
      <c r="A280" s="3">
        <v>279</v>
      </c>
      <c r="B280" s="30" t="s">
        <v>613</v>
      </c>
      <c r="C280" s="27" t="s">
        <v>821</v>
      </c>
      <c r="D280" s="31">
        <v>34470</v>
      </c>
      <c r="E280" s="32" t="s">
        <v>79</v>
      </c>
      <c r="F280" s="32" t="s">
        <v>598</v>
      </c>
      <c r="G280" s="27">
        <v>6</v>
      </c>
    </row>
    <row r="281" spans="1:7" s="3" customFormat="1" ht="13.5" customHeight="1" x14ac:dyDescent="0.15">
      <c r="A281" s="3">
        <v>280</v>
      </c>
      <c r="B281" s="30" t="s">
        <v>613</v>
      </c>
      <c r="C281" s="27" t="s">
        <v>821</v>
      </c>
      <c r="D281" s="31">
        <v>34870</v>
      </c>
      <c r="E281" s="32" t="s">
        <v>673</v>
      </c>
      <c r="F281" s="32" t="s">
        <v>1910</v>
      </c>
      <c r="G281" s="27">
        <v>3</v>
      </c>
    </row>
    <row r="282" spans="1:7" s="3" customFormat="1" ht="13.5" customHeight="1" x14ac:dyDescent="0.15">
      <c r="A282" s="3">
        <v>281</v>
      </c>
      <c r="B282" s="30" t="s">
        <v>613</v>
      </c>
      <c r="C282" s="27" t="s">
        <v>821</v>
      </c>
      <c r="D282" s="31">
        <v>36730</v>
      </c>
      <c r="E282" s="32" t="s">
        <v>1978</v>
      </c>
      <c r="F282" s="32" t="s">
        <v>1979</v>
      </c>
      <c r="G282" s="27">
        <v>12</v>
      </c>
    </row>
    <row r="283" spans="1:7" s="3" customFormat="1" ht="13.5" customHeight="1" x14ac:dyDescent="0.15">
      <c r="A283" s="3">
        <v>282</v>
      </c>
      <c r="B283" s="30" t="s">
        <v>613</v>
      </c>
      <c r="C283" s="27" t="s">
        <v>821</v>
      </c>
      <c r="D283" s="31">
        <v>38470</v>
      </c>
      <c r="E283" s="32" t="s">
        <v>3008</v>
      </c>
      <c r="F283" s="32" t="s">
        <v>805</v>
      </c>
      <c r="G283" s="27">
        <v>9</v>
      </c>
    </row>
    <row r="284" spans="1:7" s="3" customFormat="1" ht="13.5" customHeight="1" x14ac:dyDescent="0.15">
      <c r="A284" s="3">
        <v>283</v>
      </c>
      <c r="B284" s="26" t="s">
        <v>613</v>
      </c>
      <c r="C284" s="27" t="s">
        <v>1383</v>
      </c>
      <c r="D284" s="33">
        <v>40020</v>
      </c>
      <c r="E284" s="29" t="s">
        <v>3053</v>
      </c>
      <c r="F284" s="32" t="s">
        <v>1174</v>
      </c>
      <c r="G284" s="27">
        <v>4</v>
      </c>
    </row>
    <row r="285" spans="1:7" s="3" customFormat="1" ht="13.5" customHeight="1" x14ac:dyDescent="0.15">
      <c r="A285" s="3">
        <v>284</v>
      </c>
      <c r="B285" s="30" t="s">
        <v>613</v>
      </c>
      <c r="C285" s="35" t="s">
        <v>1383</v>
      </c>
      <c r="D285" s="28">
        <v>41540</v>
      </c>
      <c r="E285" s="36" t="s">
        <v>1965</v>
      </c>
      <c r="F285" s="29" t="s">
        <v>1765</v>
      </c>
      <c r="G285" s="27">
        <v>11</v>
      </c>
    </row>
    <row r="286" spans="1:7" s="3" customFormat="1" ht="13.5" customHeight="1" x14ac:dyDescent="0.15">
      <c r="A286" s="3">
        <v>285</v>
      </c>
      <c r="B286" s="30" t="s">
        <v>613</v>
      </c>
      <c r="C286" s="27" t="s">
        <v>1383</v>
      </c>
      <c r="D286" s="28">
        <v>41620</v>
      </c>
      <c r="E286" s="32" t="s">
        <v>1259</v>
      </c>
      <c r="F286" s="32" t="s">
        <v>1729</v>
      </c>
      <c r="G286" s="27">
        <v>3</v>
      </c>
    </row>
    <row r="287" spans="1:7" s="3" customFormat="1" ht="13.5" customHeight="1" x14ac:dyDescent="0.15">
      <c r="A287" s="3">
        <v>286</v>
      </c>
      <c r="B287" s="30" t="s">
        <v>613</v>
      </c>
      <c r="C287" s="27" t="s">
        <v>1383</v>
      </c>
      <c r="D287" s="31">
        <v>144870</v>
      </c>
      <c r="E287" s="29" t="s">
        <v>2661</v>
      </c>
      <c r="F287" s="29" t="s">
        <v>2685</v>
      </c>
      <c r="G287" s="27">
        <v>9</v>
      </c>
    </row>
    <row r="288" spans="1:7" s="3" customFormat="1" ht="13.5" customHeight="1" x14ac:dyDescent="0.15">
      <c r="A288" s="3">
        <v>287</v>
      </c>
      <c r="B288" s="30" t="s">
        <v>613</v>
      </c>
      <c r="C288" s="27" t="s">
        <v>1383</v>
      </c>
      <c r="D288" s="28">
        <v>145570</v>
      </c>
      <c r="E288" s="40" t="s">
        <v>2885</v>
      </c>
      <c r="F288" s="29" t="s">
        <v>2897</v>
      </c>
      <c r="G288" s="27">
        <v>9</v>
      </c>
    </row>
    <row r="289" spans="1:46" s="3" customFormat="1" ht="13.5" customHeight="1" x14ac:dyDescent="0.15">
      <c r="A289" s="3">
        <v>288</v>
      </c>
      <c r="B289" s="30" t="s">
        <v>613</v>
      </c>
      <c r="C289" s="27" t="s">
        <v>1383</v>
      </c>
      <c r="D289" s="28">
        <v>145860</v>
      </c>
      <c r="E289" s="40" t="s">
        <v>2970</v>
      </c>
      <c r="F289" s="51" t="s">
        <v>2941</v>
      </c>
      <c r="G289" s="27">
        <v>9</v>
      </c>
      <c r="H289" s="2"/>
      <c r="I289" s="2"/>
      <c r="J289" s="2"/>
      <c r="K289" s="2"/>
      <c r="L289" s="2"/>
      <c r="M289" s="2"/>
      <c r="N289" s="2"/>
      <c r="O289" s="2"/>
      <c r="P289" s="2"/>
      <c r="Q289" s="2"/>
      <c r="R289" s="2"/>
      <c r="S289" s="2"/>
      <c r="T289" s="2"/>
      <c r="U289" s="2"/>
      <c r="V289" s="2"/>
      <c r="W289" s="2"/>
      <c r="X289" s="2"/>
      <c r="Y289" s="2"/>
      <c r="Z289" s="2"/>
      <c r="AA289" s="2"/>
      <c r="AB289" s="2"/>
      <c r="AC289" s="2"/>
      <c r="AD289" s="2"/>
      <c r="AE289" s="2"/>
      <c r="AF289" s="2"/>
      <c r="AG289" s="2"/>
      <c r="AH289" s="2"/>
      <c r="AI289" s="2"/>
      <c r="AJ289" s="2"/>
      <c r="AK289" s="2"/>
      <c r="AL289" s="2"/>
      <c r="AM289" s="2"/>
      <c r="AN289" s="2"/>
      <c r="AO289" s="2"/>
      <c r="AP289" s="2"/>
      <c r="AQ289" s="2"/>
      <c r="AR289" s="2"/>
      <c r="AS289" s="2"/>
      <c r="AT289" s="2"/>
    </row>
    <row r="290" spans="1:46" s="3" customFormat="1" ht="13.5" customHeight="1" x14ac:dyDescent="0.15">
      <c r="A290" s="3">
        <v>289</v>
      </c>
      <c r="B290" s="30" t="s">
        <v>613</v>
      </c>
      <c r="C290" s="27" t="s">
        <v>3259</v>
      </c>
      <c r="D290" s="28">
        <v>146730</v>
      </c>
      <c r="E290" s="29" t="s">
        <v>3281</v>
      </c>
      <c r="F290" s="53" t="s">
        <v>3282</v>
      </c>
      <c r="G290" s="27">
        <v>8</v>
      </c>
      <c r="H290" s="2"/>
      <c r="I290" s="2"/>
      <c r="J290" s="2"/>
      <c r="K290" s="2"/>
      <c r="L290" s="2"/>
      <c r="M290" s="2"/>
      <c r="N290" s="2"/>
      <c r="O290" s="2"/>
      <c r="P290" s="2"/>
      <c r="Q290" s="2"/>
      <c r="R290" s="2"/>
      <c r="S290" s="2"/>
      <c r="T290" s="2"/>
      <c r="U290" s="2"/>
      <c r="V290" s="2"/>
      <c r="W290" s="2"/>
      <c r="X290" s="2"/>
      <c r="Y290" s="2"/>
      <c r="Z290" s="2"/>
      <c r="AA290" s="2"/>
      <c r="AB290" s="2"/>
      <c r="AC290" s="2"/>
      <c r="AD290" s="2"/>
      <c r="AE290" s="2"/>
      <c r="AF290" s="2"/>
      <c r="AG290" s="2"/>
      <c r="AH290" s="2"/>
      <c r="AI290" s="2"/>
      <c r="AJ290" s="2"/>
      <c r="AK290" s="2"/>
      <c r="AL290" s="2"/>
      <c r="AM290" s="2"/>
      <c r="AN290" s="2"/>
      <c r="AO290" s="2"/>
      <c r="AP290" s="2"/>
      <c r="AQ290" s="2"/>
      <c r="AR290" s="2"/>
      <c r="AS290" s="2"/>
      <c r="AT290" s="2"/>
    </row>
    <row r="291" spans="1:46" s="3" customFormat="1" ht="13.5" customHeight="1" x14ac:dyDescent="0.15">
      <c r="A291" s="3">
        <v>290</v>
      </c>
      <c r="B291" s="30" t="s">
        <v>613</v>
      </c>
      <c r="C291" s="27" t="s">
        <v>3472</v>
      </c>
      <c r="D291" s="28">
        <v>147380</v>
      </c>
      <c r="E291" s="29" t="s">
        <v>3443</v>
      </c>
      <c r="F291" s="29" t="s">
        <v>3473</v>
      </c>
      <c r="G291" s="27">
        <v>5</v>
      </c>
      <c r="H291" s="2"/>
      <c r="I291" s="2"/>
      <c r="J291" s="2"/>
      <c r="K291" s="2"/>
      <c r="L291" s="2"/>
      <c r="M291" s="2"/>
      <c r="N291" s="2"/>
      <c r="O291" s="2"/>
      <c r="P291" s="2"/>
      <c r="Q291" s="2"/>
      <c r="R291" s="2"/>
      <c r="S291" s="2"/>
      <c r="T291" s="2"/>
      <c r="U291" s="2"/>
      <c r="V291" s="2"/>
      <c r="W291" s="2"/>
      <c r="X291" s="2"/>
      <c r="Y291" s="2"/>
      <c r="Z291" s="2"/>
      <c r="AA291" s="2"/>
      <c r="AB291" s="2"/>
      <c r="AC291" s="2"/>
      <c r="AD291" s="2"/>
      <c r="AE291" s="2"/>
      <c r="AF291" s="2"/>
      <c r="AG291" s="2"/>
      <c r="AH291" s="2"/>
      <c r="AI291" s="2"/>
      <c r="AJ291" s="2"/>
      <c r="AK291" s="2"/>
      <c r="AL291" s="2"/>
      <c r="AM291" s="2"/>
      <c r="AN291" s="2"/>
      <c r="AO291" s="2"/>
      <c r="AP291" s="2"/>
      <c r="AQ291" s="2"/>
      <c r="AR291" s="2"/>
      <c r="AS291" s="2"/>
      <c r="AT291" s="2"/>
    </row>
    <row r="292" spans="1:46" s="3" customFormat="1" ht="13.5" customHeight="1" x14ac:dyDescent="0.15">
      <c r="A292" s="3">
        <v>291</v>
      </c>
      <c r="B292" s="30" t="s">
        <v>613</v>
      </c>
      <c r="C292" s="27" t="s">
        <v>3472</v>
      </c>
      <c r="D292" s="28">
        <v>147450</v>
      </c>
      <c r="E292" s="29" t="s">
        <v>3450</v>
      </c>
      <c r="F292" s="29" t="s">
        <v>3481</v>
      </c>
      <c r="G292" s="27">
        <v>9</v>
      </c>
      <c r="H292" s="2"/>
      <c r="I292" s="2"/>
      <c r="J292" s="2"/>
      <c r="K292" s="2"/>
      <c r="L292" s="2"/>
      <c r="M292" s="2"/>
      <c r="N292" s="2"/>
      <c r="O292" s="2"/>
      <c r="P292" s="2"/>
      <c r="Q292" s="2"/>
      <c r="R292" s="2"/>
      <c r="S292" s="2"/>
      <c r="T292" s="2"/>
      <c r="U292" s="2"/>
      <c r="V292" s="2"/>
      <c r="W292" s="2"/>
      <c r="X292" s="2"/>
      <c r="Y292" s="2"/>
      <c r="Z292" s="2"/>
      <c r="AA292" s="2"/>
      <c r="AB292" s="2"/>
      <c r="AC292" s="2"/>
      <c r="AD292" s="2"/>
      <c r="AE292" s="2"/>
      <c r="AF292" s="2"/>
      <c r="AG292" s="2"/>
      <c r="AH292" s="2"/>
      <c r="AI292" s="2"/>
      <c r="AJ292" s="2"/>
      <c r="AK292" s="2"/>
      <c r="AL292" s="2"/>
      <c r="AM292" s="2"/>
      <c r="AN292" s="2"/>
      <c r="AO292" s="2"/>
      <c r="AP292" s="2"/>
      <c r="AQ292" s="2"/>
      <c r="AR292" s="2"/>
      <c r="AS292" s="2"/>
      <c r="AT292" s="2"/>
    </row>
    <row r="293" spans="1:46" s="3" customFormat="1" ht="13.5" customHeight="1" x14ac:dyDescent="0.15">
      <c r="A293" s="3">
        <v>292</v>
      </c>
      <c r="B293" s="26" t="s">
        <v>1051</v>
      </c>
      <c r="C293" s="27" t="s">
        <v>1990</v>
      </c>
      <c r="D293" s="28">
        <v>131</v>
      </c>
      <c r="E293" s="29" t="s">
        <v>121</v>
      </c>
      <c r="F293" s="29" t="s">
        <v>3574</v>
      </c>
      <c r="G293" s="27">
        <v>3</v>
      </c>
      <c r="H293" s="2"/>
      <c r="I293" s="2"/>
      <c r="J293" s="2"/>
      <c r="K293" s="2"/>
      <c r="L293" s="2"/>
      <c r="M293" s="2"/>
      <c r="N293" s="2"/>
      <c r="O293" s="2"/>
      <c r="P293" s="2"/>
      <c r="Q293" s="2"/>
      <c r="R293" s="2"/>
      <c r="S293" s="2"/>
      <c r="T293" s="2"/>
      <c r="U293" s="2"/>
      <c r="V293" s="2"/>
      <c r="W293" s="2"/>
      <c r="X293" s="2"/>
      <c r="Y293" s="2"/>
      <c r="Z293" s="2"/>
      <c r="AA293" s="2"/>
      <c r="AB293" s="2"/>
      <c r="AC293" s="2"/>
      <c r="AD293" s="2"/>
      <c r="AE293" s="2"/>
      <c r="AF293" s="2"/>
      <c r="AG293" s="2"/>
      <c r="AH293" s="2"/>
      <c r="AI293" s="2"/>
      <c r="AJ293" s="2"/>
      <c r="AK293" s="2"/>
      <c r="AL293" s="2"/>
      <c r="AM293" s="2"/>
      <c r="AN293" s="2"/>
      <c r="AO293" s="2"/>
      <c r="AP293" s="2"/>
      <c r="AQ293" s="2"/>
      <c r="AR293" s="2"/>
      <c r="AS293" s="2"/>
      <c r="AT293" s="2"/>
    </row>
    <row r="294" spans="1:46" s="3" customFormat="1" ht="13.5" customHeight="1" x14ac:dyDescent="0.15">
      <c r="A294" s="3">
        <v>293</v>
      </c>
      <c r="B294" s="26" t="s">
        <v>1051</v>
      </c>
      <c r="C294" s="27" t="s">
        <v>1990</v>
      </c>
      <c r="D294" s="28">
        <v>141</v>
      </c>
      <c r="E294" s="29" t="s">
        <v>1179</v>
      </c>
      <c r="F294" s="29" t="s">
        <v>1369</v>
      </c>
      <c r="G294" s="27">
        <v>3</v>
      </c>
      <c r="H294" s="2"/>
      <c r="I294" s="2"/>
      <c r="J294" s="2"/>
      <c r="K294" s="2"/>
      <c r="L294" s="2"/>
      <c r="M294" s="2"/>
      <c r="N294" s="2"/>
      <c r="O294" s="2"/>
      <c r="P294" s="2"/>
      <c r="Q294" s="2"/>
      <c r="R294" s="2"/>
      <c r="S294" s="2"/>
      <c r="T294" s="2"/>
      <c r="U294" s="2"/>
      <c r="V294" s="2"/>
      <c r="W294" s="2"/>
      <c r="X294" s="2"/>
      <c r="Y294" s="2"/>
      <c r="Z294" s="2"/>
      <c r="AA294" s="2"/>
      <c r="AB294" s="2"/>
      <c r="AC294" s="2"/>
      <c r="AD294" s="2"/>
      <c r="AE294" s="2"/>
      <c r="AF294" s="2"/>
      <c r="AG294" s="2"/>
      <c r="AH294" s="2"/>
      <c r="AI294" s="2"/>
      <c r="AJ294" s="2"/>
      <c r="AK294" s="2"/>
      <c r="AL294" s="2"/>
      <c r="AM294" s="2"/>
      <c r="AN294" s="2"/>
      <c r="AO294" s="2"/>
      <c r="AP294" s="2"/>
      <c r="AQ294" s="2"/>
      <c r="AR294" s="2"/>
      <c r="AS294" s="2"/>
      <c r="AT294" s="2"/>
    </row>
    <row r="295" spans="1:46" s="3" customFormat="1" ht="13.5" customHeight="1" x14ac:dyDescent="0.15">
      <c r="A295" s="3">
        <v>294</v>
      </c>
      <c r="B295" s="26" t="s">
        <v>1051</v>
      </c>
      <c r="C295" s="27" t="s">
        <v>1990</v>
      </c>
      <c r="D295" s="28">
        <v>151</v>
      </c>
      <c r="E295" s="29" t="s">
        <v>1217</v>
      </c>
      <c r="F295" s="29" t="s">
        <v>350</v>
      </c>
      <c r="G295" s="27">
        <v>3</v>
      </c>
      <c r="H295" s="2"/>
      <c r="I295" s="2"/>
      <c r="J295" s="2"/>
      <c r="K295" s="2"/>
      <c r="L295" s="2"/>
      <c r="M295" s="2"/>
      <c r="N295" s="2"/>
      <c r="O295" s="2"/>
      <c r="P295" s="2"/>
      <c r="Q295" s="2"/>
      <c r="R295" s="2"/>
      <c r="S295" s="2"/>
      <c r="T295" s="2"/>
      <c r="U295" s="2"/>
      <c r="V295" s="2"/>
      <c r="W295" s="2"/>
      <c r="X295" s="2"/>
      <c r="Y295" s="2"/>
      <c r="Z295" s="2"/>
      <c r="AA295" s="2"/>
      <c r="AB295" s="2"/>
      <c r="AC295" s="2"/>
      <c r="AD295" s="2"/>
      <c r="AE295" s="2"/>
      <c r="AF295" s="2"/>
      <c r="AG295" s="2"/>
      <c r="AH295" s="2"/>
      <c r="AI295" s="2"/>
      <c r="AJ295" s="2"/>
      <c r="AK295" s="2"/>
      <c r="AL295" s="2"/>
      <c r="AM295" s="2"/>
      <c r="AN295" s="2"/>
      <c r="AO295" s="2"/>
      <c r="AP295" s="2"/>
      <c r="AQ295" s="2"/>
      <c r="AR295" s="2"/>
      <c r="AS295" s="2"/>
      <c r="AT295" s="2"/>
    </row>
    <row r="296" spans="1:46" s="3" customFormat="1" ht="13.5" customHeight="1" x14ac:dyDescent="0.15">
      <c r="A296" s="3">
        <v>295</v>
      </c>
      <c r="B296" s="30" t="s">
        <v>613</v>
      </c>
      <c r="C296" s="27" t="s">
        <v>1990</v>
      </c>
      <c r="D296" s="31">
        <v>2950</v>
      </c>
      <c r="E296" s="32" t="s">
        <v>1223</v>
      </c>
      <c r="F296" s="32" t="s">
        <v>917</v>
      </c>
      <c r="G296" s="27">
        <v>4</v>
      </c>
    </row>
    <row r="297" spans="1:46" s="3" customFormat="1" ht="13.5" customHeight="1" x14ac:dyDescent="0.15">
      <c r="A297" s="3">
        <v>296</v>
      </c>
      <c r="B297" s="30" t="s">
        <v>613</v>
      </c>
      <c r="C297" s="27" t="s">
        <v>1990</v>
      </c>
      <c r="D297" s="31">
        <v>3290</v>
      </c>
      <c r="E297" s="32" t="s">
        <v>1483</v>
      </c>
      <c r="F297" s="32" t="s">
        <v>2222</v>
      </c>
      <c r="G297" s="27">
        <v>6</v>
      </c>
    </row>
    <row r="298" spans="1:46" s="3" customFormat="1" ht="13.5" customHeight="1" x14ac:dyDescent="0.15">
      <c r="A298" s="3">
        <v>297</v>
      </c>
      <c r="B298" s="30" t="s">
        <v>613</v>
      </c>
      <c r="C298" s="27" t="s">
        <v>1990</v>
      </c>
      <c r="D298" s="31">
        <v>4590</v>
      </c>
      <c r="E298" s="32" t="s">
        <v>825</v>
      </c>
      <c r="F298" s="32" t="s">
        <v>602</v>
      </c>
      <c r="G298" s="27">
        <v>6</v>
      </c>
    </row>
    <row r="299" spans="1:46" s="3" customFormat="1" ht="13.5" customHeight="1" x14ac:dyDescent="0.15">
      <c r="A299" s="3">
        <v>298</v>
      </c>
      <c r="B299" s="30" t="s">
        <v>613</v>
      </c>
      <c r="C299" s="27" t="s">
        <v>1990</v>
      </c>
      <c r="D299" s="31">
        <v>4760</v>
      </c>
      <c r="E299" s="32" t="s">
        <v>1210</v>
      </c>
      <c r="F299" s="32" t="s">
        <v>799</v>
      </c>
      <c r="G299" s="27">
        <v>7</v>
      </c>
    </row>
    <row r="300" spans="1:46" s="3" customFormat="1" ht="13.5" customHeight="1" x14ac:dyDescent="0.15">
      <c r="A300" s="3">
        <v>299</v>
      </c>
      <c r="B300" s="30" t="s">
        <v>613</v>
      </c>
      <c r="C300" s="27" t="s">
        <v>1990</v>
      </c>
      <c r="D300" s="31">
        <v>5090</v>
      </c>
      <c r="E300" s="32" t="s">
        <v>2613</v>
      </c>
      <c r="F300" s="32" t="s">
        <v>1700</v>
      </c>
      <c r="G300" s="27">
        <v>6</v>
      </c>
    </row>
    <row r="301" spans="1:46" s="3" customFormat="1" ht="13.5" customHeight="1" x14ac:dyDescent="0.15">
      <c r="A301" s="3">
        <v>300</v>
      </c>
      <c r="B301" s="30" t="s">
        <v>613</v>
      </c>
      <c r="C301" s="27" t="s">
        <v>1990</v>
      </c>
      <c r="D301" s="31">
        <v>5320</v>
      </c>
      <c r="E301" s="32" t="s">
        <v>94</v>
      </c>
      <c r="F301" s="32" t="s">
        <v>2708</v>
      </c>
      <c r="G301" s="27">
        <v>6</v>
      </c>
    </row>
    <row r="302" spans="1:46" s="3" customFormat="1" ht="13.5" customHeight="1" x14ac:dyDescent="0.15">
      <c r="A302" s="3">
        <v>301</v>
      </c>
      <c r="B302" s="30" t="s">
        <v>613</v>
      </c>
      <c r="C302" s="27" t="s">
        <v>1993</v>
      </c>
      <c r="D302" s="31">
        <v>7090</v>
      </c>
      <c r="E302" s="32" t="s">
        <v>3116</v>
      </c>
      <c r="F302" s="32" t="s">
        <v>1994</v>
      </c>
      <c r="G302" s="27">
        <v>6</v>
      </c>
    </row>
    <row r="303" spans="1:46" s="3" customFormat="1" ht="13.5" customHeight="1" x14ac:dyDescent="0.15">
      <c r="A303" s="3">
        <v>302</v>
      </c>
      <c r="B303" s="30" t="s">
        <v>613</v>
      </c>
      <c r="C303" s="27" t="s">
        <v>1990</v>
      </c>
      <c r="D303" s="31">
        <v>7690</v>
      </c>
      <c r="E303" s="32" t="s">
        <v>428</v>
      </c>
      <c r="F303" s="32" t="s">
        <v>827</v>
      </c>
      <c r="G303" s="27">
        <v>8</v>
      </c>
    </row>
    <row r="304" spans="1:46" s="3" customFormat="1" ht="13.5" customHeight="1" x14ac:dyDescent="0.15">
      <c r="A304" s="3">
        <v>303</v>
      </c>
      <c r="B304" s="30" t="s">
        <v>613</v>
      </c>
      <c r="C304" s="27" t="s">
        <v>1990</v>
      </c>
      <c r="D304" s="31">
        <v>7850</v>
      </c>
      <c r="E304" s="32" t="s">
        <v>431</v>
      </c>
      <c r="F304" s="32" t="s">
        <v>2014</v>
      </c>
      <c r="G304" s="27">
        <v>7</v>
      </c>
    </row>
    <row r="305" spans="1:46" s="3" customFormat="1" ht="13.5" customHeight="1" x14ac:dyDescent="0.15">
      <c r="A305" s="3">
        <v>304</v>
      </c>
      <c r="B305" s="30" t="s">
        <v>613</v>
      </c>
      <c r="C305" s="27" t="s">
        <v>1990</v>
      </c>
      <c r="D305" s="31">
        <v>8930</v>
      </c>
      <c r="E305" s="32" t="s">
        <v>927</v>
      </c>
      <c r="F305" s="32" t="s">
        <v>2933</v>
      </c>
      <c r="G305" s="27">
        <v>12</v>
      </c>
    </row>
    <row r="306" spans="1:46" s="3" customFormat="1" ht="13.5" customHeight="1" x14ac:dyDescent="0.15">
      <c r="A306" s="3">
        <v>305</v>
      </c>
      <c r="B306" s="30" t="s">
        <v>613</v>
      </c>
      <c r="C306" s="27" t="s">
        <v>1990</v>
      </c>
      <c r="D306" s="31">
        <v>9090</v>
      </c>
      <c r="E306" s="32" t="s">
        <v>1777</v>
      </c>
      <c r="F306" s="32" t="s">
        <v>1801</v>
      </c>
      <c r="G306" s="27">
        <v>5</v>
      </c>
    </row>
    <row r="307" spans="1:46" s="3" customFormat="1" ht="13.5" customHeight="1" x14ac:dyDescent="0.15">
      <c r="A307" s="3">
        <v>306</v>
      </c>
      <c r="B307" s="30" t="s">
        <v>613</v>
      </c>
      <c r="C307" s="27" t="s">
        <v>1990</v>
      </c>
      <c r="D307" s="31">
        <v>10540</v>
      </c>
      <c r="E307" s="32" t="s">
        <v>1773</v>
      </c>
      <c r="F307" s="32" t="s">
        <v>599</v>
      </c>
      <c r="G307" s="27">
        <v>6</v>
      </c>
    </row>
    <row r="308" spans="1:46" s="3" customFormat="1" ht="13.5" customHeight="1" x14ac:dyDescent="0.15">
      <c r="A308" s="3">
        <v>307</v>
      </c>
      <c r="B308" s="30" t="s">
        <v>613</v>
      </c>
      <c r="C308" s="27" t="s">
        <v>1990</v>
      </c>
      <c r="D308" s="31">
        <v>10970</v>
      </c>
      <c r="E308" s="32" t="s">
        <v>2013</v>
      </c>
      <c r="F308" s="32" t="s">
        <v>1452</v>
      </c>
      <c r="G308" s="27">
        <v>9</v>
      </c>
    </row>
    <row r="309" spans="1:46" s="3" customFormat="1" ht="13.5" customHeight="1" x14ac:dyDescent="0.15">
      <c r="A309" s="3">
        <v>308</v>
      </c>
      <c r="B309" s="30" t="s">
        <v>613</v>
      </c>
      <c r="C309" s="27" t="s">
        <v>1990</v>
      </c>
      <c r="D309" s="31">
        <v>11300</v>
      </c>
      <c r="E309" s="32" t="s">
        <v>2061</v>
      </c>
      <c r="F309" s="32" t="s">
        <v>1559</v>
      </c>
      <c r="G309" s="27">
        <v>7</v>
      </c>
    </row>
    <row r="310" spans="1:46" s="3" customFormat="1" ht="13.5" customHeight="1" x14ac:dyDescent="0.15">
      <c r="A310" s="3">
        <v>309</v>
      </c>
      <c r="B310" s="30" t="s">
        <v>613</v>
      </c>
      <c r="C310" s="27" t="s">
        <v>1990</v>
      </c>
      <c r="D310" s="31">
        <v>11500</v>
      </c>
      <c r="E310" s="32" t="s">
        <v>1333</v>
      </c>
      <c r="F310" s="32" t="s">
        <v>58</v>
      </c>
      <c r="G310" s="27">
        <v>9</v>
      </c>
    </row>
    <row r="311" spans="1:46" s="3" customFormat="1" ht="13.5" customHeight="1" x14ac:dyDescent="0.15">
      <c r="A311" s="3">
        <v>310</v>
      </c>
      <c r="B311" s="30" t="s">
        <v>613</v>
      </c>
      <c r="C311" s="27" t="s">
        <v>1990</v>
      </c>
      <c r="D311" s="31">
        <v>12810</v>
      </c>
      <c r="E311" s="32" t="s">
        <v>531</v>
      </c>
      <c r="F311" s="32" t="s">
        <v>139</v>
      </c>
      <c r="G311" s="27">
        <v>6</v>
      </c>
    </row>
    <row r="312" spans="1:46" s="3" customFormat="1" ht="13.5" customHeight="1" x14ac:dyDescent="0.15">
      <c r="A312" s="3">
        <v>311</v>
      </c>
      <c r="B312" s="30" t="s">
        <v>613</v>
      </c>
      <c r="C312" s="27" t="s">
        <v>1990</v>
      </c>
      <c r="D312" s="31">
        <v>12960</v>
      </c>
      <c r="E312" s="36" t="s">
        <v>1639</v>
      </c>
      <c r="F312" s="32" t="s">
        <v>1640</v>
      </c>
      <c r="G312" s="27">
        <v>9</v>
      </c>
    </row>
    <row r="313" spans="1:46" s="3" customFormat="1" ht="13.5" customHeight="1" x14ac:dyDescent="0.15">
      <c r="A313" s="3">
        <v>312</v>
      </c>
      <c r="B313" s="30" t="s">
        <v>613</v>
      </c>
      <c r="C313" s="27" t="s">
        <v>1990</v>
      </c>
      <c r="D313" s="31">
        <v>12970</v>
      </c>
      <c r="E313" s="32" t="s">
        <v>534</v>
      </c>
      <c r="F313" s="32" t="s">
        <v>560</v>
      </c>
      <c r="G313" s="27">
        <v>6</v>
      </c>
    </row>
    <row r="314" spans="1:46" s="3" customFormat="1" ht="13.5" customHeight="1" x14ac:dyDescent="0.15">
      <c r="A314" s="3">
        <v>313</v>
      </c>
      <c r="B314" s="30" t="s">
        <v>613</v>
      </c>
      <c r="C314" s="27" t="s">
        <v>1990</v>
      </c>
      <c r="D314" s="31">
        <v>13360</v>
      </c>
      <c r="E314" s="32" t="s">
        <v>815</v>
      </c>
      <c r="F314" s="32" t="s">
        <v>2172</v>
      </c>
      <c r="G314" s="27">
        <v>6</v>
      </c>
    </row>
    <row r="315" spans="1:46" s="3" customFormat="1" ht="13.5" customHeight="1" x14ac:dyDescent="0.15">
      <c r="A315" s="3">
        <v>314</v>
      </c>
      <c r="B315" s="30" t="s">
        <v>613</v>
      </c>
      <c r="C315" s="27" t="s">
        <v>1990</v>
      </c>
      <c r="D315" s="31">
        <v>13770</v>
      </c>
      <c r="E315" s="32" t="s">
        <v>1493</v>
      </c>
      <c r="F315" s="32" t="s">
        <v>1980</v>
      </c>
      <c r="G315" s="27">
        <v>12</v>
      </c>
    </row>
    <row r="316" spans="1:46" s="3" customFormat="1" ht="13.5" customHeight="1" x14ac:dyDescent="0.15">
      <c r="A316" s="3">
        <v>315</v>
      </c>
      <c r="B316" s="30" t="s">
        <v>613</v>
      </c>
      <c r="C316" s="27" t="s">
        <v>1990</v>
      </c>
      <c r="D316" s="31">
        <v>13960</v>
      </c>
      <c r="E316" s="32" t="s">
        <v>738</v>
      </c>
      <c r="F316" s="32" t="s">
        <v>1453</v>
      </c>
      <c r="G316" s="27">
        <v>5</v>
      </c>
    </row>
    <row r="317" spans="1:46" s="3" customFormat="1" ht="13.5" customHeight="1" x14ac:dyDescent="0.15">
      <c r="A317" s="3">
        <v>316</v>
      </c>
      <c r="B317" s="30" t="s">
        <v>613</v>
      </c>
      <c r="C317" s="27" t="s">
        <v>1990</v>
      </c>
      <c r="D317" s="31">
        <v>14390</v>
      </c>
      <c r="E317" s="32" t="s">
        <v>141</v>
      </c>
      <c r="F317" s="32" t="s">
        <v>1677</v>
      </c>
      <c r="G317" s="27">
        <v>6</v>
      </c>
    </row>
    <row r="318" spans="1:46" s="3" customFormat="1" ht="13.5" customHeight="1" x14ac:dyDescent="0.15">
      <c r="A318" s="3">
        <v>317</v>
      </c>
      <c r="B318" s="30" t="s">
        <v>613</v>
      </c>
      <c r="C318" s="27" t="s">
        <v>1990</v>
      </c>
      <c r="D318" s="31">
        <v>16630</v>
      </c>
      <c r="E318" s="32" t="s">
        <v>467</v>
      </c>
      <c r="F318" s="32" t="s">
        <v>1436</v>
      </c>
      <c r="G318" s="27">
        <v>12</v>
      </c>
    </row>
    <row r="319" spans="1:46" s="3" customFormat="1" ht="13.5" customHeight="1" x14ac:dyDescent="0.15">
      <c r="A319" s="3">
        <v>318</v>
      </c>
      <c r="B319" s="30" t="s">
        <v>613</v>
      </c>
      <c r="C319" s="27" t="s">
        <v>1990</v>
      </c>
      <c r="D319" s="31">
        <v>16650</v>
      </c>
      <c r="E319" s="32" t="s">
        <v>468</v>
      </c>
      <c r="F319" s="32" t="s">
        <v>1982</v>
      </c>
      <c r="G319" s="27">
        <v>12</v>
      </c>
      <c r="H319" s="2"/>
      <c r="I319" s="2"/>
      <c r="J319" s="2"/>
      <c r="K319" s="2"/>
      <c r="L319" s="2"/>
      <c r="M319" s="2"/>
      <c r="N319" s="2"/>
      <c r="O319" s="2"/>
      <c r="P319" s="2"/>
      <c r="Q319" s="2"/>
      <c r="R319" s="2"/>
      <c r="S319" s="2"/>
      <c r="T319" s="2"/>
      <c r="U319" s="2"/>
      <c r="V319" s="2"/>
      <c r="W319" s="2"/>
      <c r="X319" s="2"/>
      <c r="Y319" s="2"/>
      <c r="Z319" s="2"/>
      <c r="AA319" s="2"/>
      <c r="AB319" s="2"/>
      <c r="AC319" s="2"/>
      <c r="AD319" s="2"/>
      <c r="AE319" s="2"/>
      <c r="AF319" s="2"/>
      <c r="AG319" s="2"/>
      <c r="AH319" s="2"/>
      <c r="AI319" s="2"/>
      <c r="AJ319" s="2"/>
      <c r="AK319" s="2"/>
      <c r="AL319" s="2"/>
      <c r="AM319" s="2"/>
      <c r="AN319" s="2"/>
      <c r="AO319" s="2"/>
      <c r="AP319" s="2"/>
      <c r="AQ319" s="2"/>
      <c r="AR319" s="2"/>
      <c r="AS319" s="2"/>
      <c r="AT319" s="2"/>
    </row>
    <row r="320" spans="1:46" s="4" customFormat="1" ht="13.5" customHeight="1" x14ac:dyDescent="0.15">
      <c r="A320" s="3">
        <v>319</v>
      </c>
      <c r="B320" s="30" t="s">
        <v>613</v>
      </c>
      <c r="C320" s="27" t="s">
        <v>1990</v>
      </c>
      <c r="D320" s="31">
        <v>19280</v>
      </c>
      <c r="E320" s="32" t="s">
        <v>126</v>
      </c>
      <c r="F320" s="32" t="s">
        <v>2185</v>
      </c>
      <c r="G320" s="27">
        <v>6</v>
      </c>
      <c r="H320" s="3"/>
      <c r="I320" s="3"/>
      <c r="J320" s="3"/>
      <c r="K320" s="3"/>
      <c r="L320" s="3"/>
      <c r="M320" s="3"/>
      <c r="N320" s="3"/>
      <c r="O320" s="3"/>
      <c r="P320" s="3"/>
      <c r="Q320" s="3"/>
      <c r="R320" s="3"/>
      <c r="S320" s="3"/>
      <c r="T320" s="3"/>
      <c r="U320" s="3"/>
      <c r="V320" s="3"/>
      <c r="W320" s="3"/>
      <c r="X320" s="3"/>
      <c r="Y320" s="3"/>
      <c r="Z320" s="3"/>
      <c r="AA320" s="3"/>
      <c r="AB320" s="3"/>
      <c r="AC320" s="3"/>
      <c r="AD320" s="3"/>
      <c r="AE320" s="3"/>
      <c r="AF320" s="3"/>
      <c r="AG320" s="3"/>
      <c r="AH320" s="3"/>
      <c r="AI320" s="3"/>
      <c r="AJ320" s="3"/>
      <c r="AK320" s="3"/>
      <c r="AL320" s="3"/>
      <c r="AM320" s="3"/>
      <c r="AN320" s="3"/>
      <c r="AO320" s="3"/>
      <c r="AP320" s="3"/>
      <c r="AQ320" s="3"/>
      <c r="AR320" s="3"/>
      <c r="AS320" s="3"/>
      <c r="AT320" s="3"/>
    </row>
    <row r="321" spans="1:7" s="3" customFormat="1" ht="13.5" customHeight="1" x14ac:dyDescent="0.15">
      <c r="A321" s="3">
        <v>320</v>
      </c>
      <c r="B321" s="30" t="s">
        <v>613</v>
      </c>
      <c r="C321" s="27" t="s">
        <v>1990</v>
      </c>
      <c r="D321" s="31">
        <v>19540</v>
      </c>
      <c r="E321" s="32" t="s">
        <v>1727</v>
      </c>
      <c r="F321" s="32" t="s">
        <v>607</v>
      </c>
      <c r="G321" s="27">
        <v>5</v>
      </c>
    </row>
    <row r="322" spans="1:7" s="3" customFormat="1" ht="13.5" customHeight="1" x14ac:dyDescent="0.15">
      <c r="A322" s="3">
        <v>321</v>
      </c>
      <c r="B322" s="30" t="s">
        <v>613</v>
      </c>
      <c r="C322" s="27" t="s">
        <v>1990</v>
      </c>
      <c r="D322" s="31">
        <v>21210</v>
      </c>
      <c r="E322" s="32" t="s">
        <v>2997</v>
      </c>
      <c r="F322" s="32" t="s">
        <v>1038</v>
      </c>
      <c r="G322" s="27">
        <v>12</v>
      </c>
    </row>
    <row r="323" spans="1:7" s="3" customFormat="1" ht="13.5" customHeight="1" x14ac:dyDescent="0.15">
      <c r="A323" s="3">
        <v>322</v>
      </c>
      <c r="B323" s="30" t="s">
        <v>613</v>
      </c>
      <c r="C323" s="27" t="s">
        <v>1990</v>
      </c>
      <c r="D323" s="31">
        <v>23310</v>
      </c>
      <c r="E323" s="32" t="s">
        <v>291</v>
      </c>
      <c r="F323" s="32" t="s">
        <v>1175</v>
      </c>
      <c r="G323" s="27">
        <v>6</v>
      </c>
    </row>
    <row r="324" spans="1:7" s="3" customFormat="1" ht="13.5" customHeight="1" x14ac:dyDescent="0.15">
      <c r="A324" s="3">
        <v>323</v>
      </c>
      <c r="B324" s="30" t="s">
        <v>613</v>
      </c>
      <c r="C324" s="27" t="s">
        <v>1990</v>
      </c>
      <c r="D324" s="31">
        <v>23830</v>
      </c>
      <c r="E324" s="32" t="s">
        <v>1845</v>
      </c>
      <c r="F324" s="32" t="s">
        <v>2225</v>
      </c>
      <c r="G324" s="27">
        <v>9</v>
      </c>
    </row>
    <row r="325" spans="1:7" s="3" customFormat="1" ht="13.5" customHeight="1" x14ac:dyDescent="0.15">
      <c r="A325" s="3">
        <v>324</v>
      </c>
      <c r="B325" s="30" t="s">
        <v>613</v>
      </c>
      <c r="C325" s="27" t="s">
        <v>1990</v>
      </c>
      <c r="D325" s="31">
        <v>24550</v>
      </c>
      <c r="E325" s="32" t="s">
        <v>2422</v>
      </c>
      <c r="F325" s="32" t="s">
        <v>600</v>
      </c>
      <c r="G325" s="27">
        <v>12</v>
      </c>
    </row>
    <row r="326" spans="1:7" s="3" customFormat="1" ht="13.5" customHeight="1" x14ac:dyDescent="0.15">
      <c r="A326" s="3">
        <v>325</v>
      </c>
      <c r="B326" s="30" t="s">
        <v>613</v>
      </c>
      <c r="C326" s="27" t="s">
        <v>1990</v>
      </c>
      <c r="D326" s="31">
        <v>24560</v>
      </c>
      <c r="E326" s="32" t="s">
        <v>657</v>
      </c>
      <c r="F326" s="32" t="s">
        <v>2364</v>
      </c>
      <c r="G326" s="27">
        <v>7</v>
      </c>
    </row>
    <row r="327" spans="1:7" s="3" customFormat="1" ht="13.5" customHeight="1" x14ac:dyDescent="0.15">
      <c r="A327" s="3">
        <v>326</v>
      </c>
      <c r="B327" s="30" t="s">
        <v>613</v>
      </c>
      <c r="C327" s="27" t="s">
        <v>1990</v>
      </c>
      <c r="D327" s="31">
        <v>25120</v>
      </c>
      <c r="E327" s="32" t="s">
        <v>227</v>
      </c>
      <c r="F327" s="32" t="s">
        <v>1166</v>
      </c>
      <c r="G327" s="27">
        <v>12</v>
      </c>
    </row>
    <row r="328" spans="1:7" s="3" customFormat="1" ht="13.5" customHeight="1" x14ac:dyDescent="0.15">
      <c r="A328" s="3">
        <v>327</v>
      </c>
      <c r="B328" s="30" t="s">
        <v>613</v>
      </c>
      <c r="C328" s="27" t="s">
        <v>1990</v>
      </c>
      <c r="D328" s="31">
        <v>25160</v>
      </c>
      <c r="E328" s="32" t="s">
        <v>1052</v>
      </c>
      <c r="F328" s="32" t="s">
        <v>145</v>
      </c>
      <c r="G328" s="27">
        <v>5</v>
      </c>
    </row>
    <row r="329" spans="1:7" s="3" customFormat="1" ht="13.5" customHeight="1" x14ac:dyDescent="0.15">
      <c r="A329" s="3">
        <v>328</v>
      </c>
      <c r="B329" s="30" t="s">
        <v>613</v>
      </c>
      <c r="C329" s="27" t="s">
        <v>1990</v>
      </c>
      <c r="D329" s="31">
        <v>25950</v>
      </c>
      <c r="E329" s="32" t="s">
        <v>172</v>
      </c>
      <c r="F329" s="32" t="s">
        <v>1106</v>
      </c>
      <c r="G329" s="27">
        <v>12</v>
      </c>
    </row>
    <row r="330" spans="1:7" s="3" customFormat="1" ht="13.5" customHeight="1" x14ac:dyDescent="0.15">
      <c r="A330" s="3">
        <v>329</v>
      </c>
      <c r="B330" s="30" t="s">
        <v>613</v>
      </c>
      <c r="C330" s="27" t="s">
        <v>1990</v>
      </c>
      <c r="D330" s="31">
        <v>26780</v>
      </c>
      <c r="E330" s="32" t="s">
        <v>1932</v>
      </c>
      <c r="F330" s="32" t="s">
        <v>491</v>
      </c>
      <c r="G330" s="27">
        <v>12</v>
      </c>
    </row>
    <row r="331" spans="1:7" s="3" customFormat="1" ht="13.5" customHeight="1" x14ac:dyDescent="0.15">
      <c r="A331" s="3">
        <v>330</v>
      </c>
      <c r="B331" s="30" t="s">
        <v>613</v>
      </c>
      <c r="C331" s="27" t="s">
        <v>1990</v>
      </c>
      <c r="D331" s="31">
        <v>27340</v>
      </c>
      <c r="E331" s="32" t="s">
        <v>2024</v>
      </c>
      <c r="F331" s="32" t="s">
        <v>1037</v>
      </c>
      <c r="G331" s="27">
        <v>12</v>
      </c>
    </row>
    <row r="332" spans="1:7" s="3" customFormat="1" ht="13.5" customHeight="1" x14ac:dyDescent="0.15">
      <c r="A332" s="3">
        <v>331</v>
      </c>
      <c r="B332" s="30" t="s">
        <v>613</v>
      </c>
      <c r="C332" s="27" t="s">
        <v>1990</v>
      </c>
      <c r="D332" s="31">
        <v>27570</v>
      </c>
      <c r="E332" s="32" t="s">
        <v>1793</v>
      </c>
      <c r="F332" s="32" t="s">
        <v>1376</v>
      </c>
      <c r="G332" s="27">
        <v>9</v>
      </c>
    </row>
    <row r="333" spans="1:7" s="3" customFormat="1" ht="13.5" customHeight="1" x14ac:dyDescent="0.15">
      <c r="A333" s="3">
        <v>332</v>
      </c>
      <c r="B333" s="30" t="s">
        <v>613</v>
      </c>
      <c r="C333" s="27" t="s">
        <v>1990</v>
      </c>
      <c r="D333" s="31">
        <v>27810</v>
      </c>
      <c r="E333" s="32" t="s">
        <v>1689</v>
      </c>
      <c r="F333" s="32" t="s">
        <v>1882</v>
      </c>
      <c r="G333" s="27">
        <v>4</v>
      </c>
    </row>
    <row r="334" spans="1:7" s="3" customFormat="1" ht="13.5" customHeight="1" x14ac:dyDescent="0.15">
      <c r="A334" s="3">
        <v>333</v>
      </c>
      <c r="B334" s="30" t="s">
        <v>613</v>
      </c>
      <c r="C334" s="27" t="s">
        <v>1990</v>
      </c>
      <c r="D334" s="31">
        <v>28760</v>
      </c>
      <c r="E334" s="32" t="s">
        <v>168</v>
      </c>
      <c r="F334" s="32" t="s">
        <v>1036</v>
      </c>
      <c r="G334" s="27">
        <v>12</v>
      </c>
    </row>
    <row r="335" spans="1:7" s="3" customFormat="1" ht="13.5" customHeight="1" x14ac:dyDescent="0.15">
      <c r="A335" s="3">
        <v>334</v>
      </c>
      <c r="B335" s="30" t="s">
        <v>613</v>
      </c>
      <c r="C335" s="27" t="s">
        <v>1990</v>
      </c>
      <c r="D335" s="31">
        <v>29740</v>
      </c>
      <c r="E335" s="32" t="s">
        <v>1032</v>
      </c>
      <c r="F335" s="32" t="s">
        <v>481</v>
      </c>
      <c r="G335" s="27">
        <v>3</v>
      </c>
    </row>
    <row r="336" spans="1:7" s="3" customFormat="1" ht="13.5" customHeight="1" x14ac:dyDescent="0.15">
      <c r="A336" s="3">
        <v>335</v>
      </c>
      <c r="B336" s="30" t="s">
        <v>613</v>
      </c>
      <c r="C336" s="27" t="s">
        <v>1990</v>
      </c>
      <c r="D336" s="31">
        <v>29750</v>
      </c>
      <c r="E336" s="32" t="s">
        <v>1033</v>
      </c>
      <c r="F336" s="32" t="s">
        <v>1701</v>
      </c>
      <c r="G336" s="27">
        <v>4</v>
      </c>
    </row>
    <row r="337" spans="1:46" s="3" customFormat="1" ht="13.5" customHeight="1" x14ac:dyDescent="0.15">
      <c r="A337" s="3">
        <v>336</v>
      </c>
      <c r="B337" s="30" t="s">
        <v>613</v>
      </c>
      <c r="C337" s="27" t="s">
        <v>1990</v>
      </c>
      <c r="D337" s="31">
        <v>29770</v>
      </c>
      <c r="E337" s="32" t="s">
        <v>3117</v>
      </c>
      <c r="F337" s="32" t="s">
        <v>1300</v>
      </c>
      <c r="G337" s="27">
        <v>3</v>
      </c>
    </row>
    <row r="338" spans="1:46" s="3" customFormat="1" ht="13.5" customHeight="1" x14ac:dyDescent="0.15">
      <c r="A338" s="3">
        <v>337</v>
      </c>
      <c r="B338" s="30" t="s">
        <v>613</v>
      </c>
      <c r="C338" s="27" t="s">
        <v>1990</v>
      </c>
      <c r="D338" s="31">
        <v>29780</v>
      </c>
      <c r="E338" s="32" t="s">
        <v>243</v>
      </c>
      <c r="F338" s="32" t="s">
        <v>1435</v>
      </c>
      <c r="G338" s="27">
        <v>3</v>
      </c>
    </row>
    <row r="339" spans="1:46" s="3" customFormat="1" ht="13.5" customHeight="1" x14ac:dyDescent="0.15">
      <c r="A339" s="3">
        <v>338</v>
      </c>
      <c r="B339" s="30" t="s">
        <v>613</v>
      </c>
      <c r="C339" s="27" t="s">
        <v>3428</v>
      </c>
      <c r="D339" s="31">
        <v>30980</v>
      </c>
      <c r="E339" s="32" t="s">
        <v>1091</v>
      </c>
      <c r="F339" s="32" t="s">
        <v>3427</v>
      </c>
      <c r="G339" s="27">
        <v>6</v>
      </c>
    </row>
    <row r="340" spans="1:46" s="3" customFormat="1" ht="13.5" customHeight="1" x14ac:dyDescent="0.15">
      <c r="A340" s="3">
        <v>339</v>
      </c>
      <c r="B340" s="30" t="s">
        <v>613</v>
      </c>
      <c r="C340" s="27" t="s">
        <v>1990</v>
      </c>
      <c r="D340" s="31">
        <v>33000</v>
      </c>
      <c r="E340" s="32" t="s">
        <v>229</v>
      </c>
      <c r="F340" s="32" t="s">
        <v>608</v>
      </c>
      <c r="G340" s="27">
        <v>6</v>
      </c>
    </row>
    <row r="341" spans="1:46" s="3" customFormat="1" ht="13.5" customHeight="1" x14ac:dyDescent="0.15">
      <c r="A341" s="3">
        <v>340</v>
      </c>
      <c r="B341" s="30" t="s">
        <v>613</v>
      </c>
      <c r="C341" s="27" t="s">
        <v>1990</v>
      </c>
      <c r="D341" s="31">
        <v>33070</v>
      </c>
      <c r="E341" s="32" t="s">
        <v>2102</v>
      </c>
      <c r="F341" s="32" t="s">
        <v>1477</v>
      </c>
      <c r="G341" s="27">
        <v>12</v>
      </c>
    </row>
    <row r="342" spans="1:46" s="3" customFormat="1" ht="13.5" customHeight="1" x14ac:dyDescent="0.15">
      <c r="A342" s="3">
        <v>341</v>
      </c>
      <c r="B342" s="30" t="s">
        <v>613</v>
      </c>
      <c r="C342" s="27" t="s">
        <v>1990</v>
      </c>
      <c r="D342" s="31">
        <v>33310</v>
      </c>
      <c r="E342" s="32" t="s">
        <v>1062</v>
      </c>
      <c r="F342" s="32" t="s">
        <v>2224</v>
      </c>
      <c r="G342" s="27">
        <v>6</v>
      </c>
    </row>
    <row r="343" spans="1:46" s="3" customFormat="1" ht="13.5" customHeight="1" x14ac:dyDescent="0.15">
      <c r="A343" s="3">
        <v>342</v>
      </c>
      <c r="B343" s="30" t="s">
        <v>613</v>
      </c>
      <c r="C343" s="27" t="s">
        <v>1990</v>
      </c>
      <c r="D343" s="31">
        <v>33410</v>
      </c>
      <c r="E343" s="32" t="s">
        <v>1325</v>
      </c>
      <c r="F343" s="32" t="s">
        <v>1983</v>
      </c>
      <c r="G343" s="27">
        <v>12</v>
      </c>
    </row>
    <row r="344" spans="1:46" s="3" customFormat="1" ht="13.5" customHeight="1" x14ac:dyDescent="0.15">
      <c r="A344" s="3">
        <v>343</v>
      </c>
      <c r="B344" s="30" t="s">
        <v>613</v>
      </c>
      <c r="C344" s="27" t="s">
        <v>1990</v>
      </c>
      <c r="D344" s="31">
        <v>33600</v>
      </c>
      <c r="E344" s="32" t="s">
        <v>3193</v>
      </c>
      <c r="F344" s="32" t="s">
        <v>793</v>
      </c>
      <c r="G344" s="27">
        <v>12</v>
      </c>
    </row>
    <row r="345" spans="1:46" s="3" customFormat="1" ht="13.5" customHeight="1" x14ac:dyDescent="0.15">
      <c r="A345" s="3">
        <v>344</v>
      </c>
      <c r="B345" s="30" t="s">
        <v>613</v>
      </c>
      <c r="C345" s="27" t="s">
        <v>1990</v>
      </c>
      <c r="D345" s="31">
        <v>33880</v>
      </c>
      <c r="E345" s="32" t="s">
        <v>538</v>
      </c>
      <c r="F345" s="32" t="s">
        <v>1981</v>
      </c>
      <c r="G345" s="27">
        <v>12</v>
      </c>
    </row>
    <row r="346" spans="1:46" s="3" customFormat="1" ht="13.5" customHeight="1" x14ac:dyDescent="0.15">
      <c r="A346" s="3">
        <v>345</v>
      </c>
      <c r="B346" s="30" t="s">
        <v>613</v>
      </c>
      <c r="C346" s="27" t="s">
        <v>1990</v>
      </c>
      <c r="D346" s="31">
        <v>33910</v>
      </c>
      <c r="E346" s="32" t="s">
        <v>540</v>
      </c>
      <c r="F346" s="32" t="s">
        <v>1006</v>
      </c>
      <c r="G346" s="27">
        <v>3</v>
      </c>
    </row>
    <row r="347" spans="1:46" s="3" customFormat="1" ht="13.5" customHeight="1" x14ac:dyDescent="0.15">
      <c r="A347" s="3">
        <v>346</v>
      </c>
      <c r="B347" s="30" t="s">
        <v>613</v>
      </c>
      <c r="C347" s="27" t="s">
        <v>1990</v>
      </c>
      <c r="D347" s="31">
        <v>34580</v>
      </c>
      <c r="E347" s="32" t="s">
        <v>84</v>
      </c>
      <c r="F347" s="32" t="s">
        <v>642</v>
      </c>
      <c r="G347" s="27">
        <v>6</v>
      </c>
    </row>
    <row r="348" spans="1:46" s="3" customFormat="1" ht="13.5" customHeight="1" x14ac:dyDescent="0.15">
      <c r="A348" s="3">
        <v>347</v>
      </c>
      <c r="B348" s="30" t="s">
        <v>613</v>
      </c>
      <c r="C348" s="27" t="s">
        <v>1990</v>
      </c>
      <c r="D348" s="31">
        <v>35600</v>
      </c>
      <c r="E348" s="32" t="s">
        <v>2529</v>
      </c>
      <c r="F348" s="32" t="s">
        <v>1296</v>
      </c>
      <c r="G348" s="27">
        <v>3</v>
      </c>
    </row>
    <row r="349" spans="1:46" s="3" customFormat="1" ht="13.5" customHeight="1" x14ac:dyDescent="0.15">
      <c r="A349" s="3">
        <v>348</v>
      </c>
      <c r="B349" s="30" t="s">
        <v>613</v>
      </c>
      <c r="C349" s="27" t="s">
        <v>1990</v>
      </c>
      <c r="D349" s="31">
        <v>35610</v>
      </c>
      <c r="E349" s="32" t="s">
        <v>1766</v>
      </c>
      <c r="F349" s="32" t="s">
        <v>77</v>
      </c>
      <c r="G349" s="27">
        <v>3</v>
      </c>
    </row>
    <row r="350" spans="1:46" s="3" customFormat="1" ht="13.5" customHeight="1" x14ac:dyDescent="0.15">
      <c r="A350" s="3">
        <v>349</v>
      </c>
      <c r="B350" s="30" t="s">
        <v>613</v>
      </c>
      <c r="C350" s="27" t="s">
        <v>1990</v>
      </c>
      <c r="D350" s="31">
        <v>35630</v>
      </c>
      <c r="E350" s="32" t="s">
        <v>2067</v>
      </c>
      <c r="F350" s="32" t="s">
        <v>1290</v>
      </c>
      <c r="G350" s="27">
        <v>3</v>
      </c>
    </row>
    <row r="351" spans="1:46" s="3" customFormat="1" ht="13.5" customHeight="1" x14ac:dyDescent="0.15">
      <c r="A351" s="3">
        <v>350</v>
      </c>
      <c r="B351" s="30" t="s">
        <v>613</v>
      </c>
      <c r="C351" s="27" t="s">
        <v>1990</v>
      </c>
      <c r="D351" s="31">
        <v>35640</v>
      </c>
      <c r="E351" s="32" t="s">
        <v>2416</v>
      </c>
      <c r="F351" s="32" t="s">
        <v>2417</v>
      </c>
      <c r="G351" s="27">
        <v>12</v>
      </c>
    </row>
    <row r="352" spans="1:46" ht="13.5" customHeight="1" x14ac:dyDescent="0.15">
      <c r="A352" s="3">
        <v>351</v>
      </c>
      <c r="B352" s="30" t="s">
        <v>613</v>
      </c>
      <c r="C352" s="27" t="s">
        <v>1990</v>
      </c>
      <c r="D352" s="31">
        <v>35660</v>
      </c>
      <c r="E352" s="32" t="s">
        <v>2068</v>
      </c>
      <c r="F352" s="32" t="s">
        <v>2217</v>
      </c>
      <c r="G352" s="27">
        <v>3</v>
      </c>
      <c r="H352" s="3"/>
      <c r="I352" s="3"/>
      <c r="J352" s="3"/>
      <c r="K352" s="3"/>
      <c r="L352" s="3"/>
      <c r="M352" s="3"/>
      <c r="N352" s="3"/>
      <c r="O352" s="3"/>
      <c r="P352" s="3"/>
      <c r="Q352" s="3"/>
      <c r="R352" s="3"/>
      <c r="S352" s="3"/>
      <c r="T352" s="3"/>
      <c r="U352" s="3"/>
      <c r="V352" s="3"/>
      <c r="W352" s="3"/>
      <c r="X352" s="3"/>
      <c r="Y352" s="3"/>
      <c r="Z352" s="3"/>
      <c r="AA352" s="3"/>
      <c r="AB352" s="3"/>
      <c r="AC352" s="3"/>
      <c r="AD352" s="3"/>
      <c r="AE352" s="3"/>
      <c r="AF352" s="3"/>
      <c r="AG352" s="3"/>
      <c r="AH352" s="3"/>
      <c r="AI352" s="3"/>
      <c r="AJ352" s="3"/>
      <c r="AK352" s="3"/>
      <c r="AL352" s="3"/>
      <c r="AM352" s="3"/>
      <c r="AN352" s="3"/>
      <c r="AO352" s="3"/>
      <c r="AP352" s="3"/>
      <c r="AQ352" s="3"/>
      <c r="AR352" s="3"/>
      <c r="AS352" s="3"/>
      <c r="AT352" s="3"/>
    </row>
    <row r="353" spans="1:46" ht="13.5" customHeight="1" x14ac:dyDescent="0.15">
      <c r="A353" s="3">
        <v>352</v>
      </c>
      <c r="B353" s="30" t="s">
        <v>613</v>
      </c>
      <c r="C353" s="27" t="s">
        <v>1990</v>
      </c>
      <c r="D353" s="31">
        <v>35670</v>
      </c>
      <c r="E353" s="32" t="s">
        <v>2069</v>
      </c>
      <c r="F353" s="32" t="s">
        <v>972</v>
      </c>
      <c r="G353" s="27">
        <v>3</v>
      </c>
      <c r="H353" s="3"/>
      <c r="I353" s="3"/>
      <c r="J353" s="3"/>
      <c r="K353" s="3"/>
      <c r="L353" s="3"/>
      <c r="M353" s="3"/>
      <c r="N353" s="3"/>
      <c r="O353" s="3"/>
      <c r="P353" s="3"/>
      <c r="Q353" s="3"/>
      <c r="R353" s="3"/>
      <c r="S353" s="3"/>
      <c r="T353" s="3"/>
      <c r="U353" s="3"/>
      <c r="V353" s="3"/>
      <c r="W353" s="3"/>
      <c r="X353" s="3"/>
      <c r="Y353" s="3"/>
      <c r="Z353" s="3"/>
      <c r="AA353" s="3"/>
      <c r="AB353" s="3"/>
      <c r="AC353" s="3"/>
      <c r="AD353" s="3"/>
      <c r="AE353" s="3"/>
      <c r="AF353" s="3"/>
      <c r="AG353" s="3"/>
      <c r="AH353" s="3"/>
      <c r="AI353" s="3"/>
      <c r="AJ353" s="3"/>
      <c r="AK353" s="3"/>
      <c r="AL353" s="3"/>
      <c r="AM353" s="3"/>
      <c r="AN353" s="3"/>
      <c r="AO353" s="3"/>
      <c r="AP353" s="3"/>
      <c r="AQ353" s="3"/>
      <c r="AR353" s="3"/>
      <c r="AS353" s="3"/>
      <c r="AT353" s="3"/>
    </row>
    <row r="354" spans="1:46" ht="13.5" customHeight="1" x14ac:dyDescent="0.15">
      <c r="A354" s="3">
        <v>353</v>
      </c>
      <c r="B354" s="30" t="s">
        <v>613</v>
      </c>
      <c r="C354" s="27" t="s">
        <v>1990</v>
      </c>
      <c r="D354" s="31">
        <v>35700</v>
      </c>
      <c r="E354" s="32" t="s">
        <v>1287</v>
      </c>
      <c r="F354" s="32" t="s">
        <v>144</v>
      </c>
      <c r="G354" s="27">
        <v>6</v>
      </c>
      <c r="H354" s="3"/>
      <c r="I354" s="3"/>
      <c r="J354" s="3"/>
      <c r="K354" s="3"/>
      <c r="L354" s="3"/>
      <c r="M354" s="3"/>
      <c r="N354" s="3"/>
      <c r="O354" s="3"/>
      <c r="P354" s="3"/>
      <c r="Q354" s="3"/>
      <c r="R354" s="3"/>
      <c r="S354" s="3"/>
      <c r="T354" s="3"/>
      <c r="U354" s="3"/>
      <c r="V354" s="3"/>
      <c r="W354" s="3"/>
      <c r="X354" s="3"/>
      <c r="Y354" s="3"/>
      <c r="Z354" s="3"/>
      <c r="AA354" s="3"/>
      <c r="AB354" s="3"/>
      <c r="AC354" s="3"/>
      <c r="AD354" s="3"/>
      <c r="AE354" s="3"/>
      <c r="AF354" s="3"/>
      <c r="AG354" s="3"/>
      <c r="AH354" s="3"/>
      <c r="AI354" s="3"/>
      <c r="AJ354" s="3"/>
      <c r="AK354" s="3"/>
      <c r="AL354" s="3"/>
      <c r="AM354" s="3"/>
      <c r="AN354" s="3"/>
      <c r="AO354" s="3"/>
      <c r="AP354" s="3"/>
      <c r="AQ354" s="3"/>
      <c r="AR354" s="3"/>
      <c r="AS354" s="3"/>
      <c r="AT354" s="3"/>
    </row>
    <row r="355" spans="1:46" s="3" customFormat="1" ht="13.5" customHeight="1" x14ac:dyDescent="0.15">
      <c r="A355" s="3">
        <v>354</v>
      </c>
      <c r="B355" s="30" t="s">
        <v>613</v>
      </c>
      <c r="C355" s="27" t="s">
        <v>1990</v>
      </c>
      <c r="D355" s="31">
        <v>35710</v>
      </c>
      <c r="E355" s="32" t="s">
        <v>437</v>
      </c>
      <c r="F355" s="32" t="s">
        <v>566</v>
      </c>
      <c r="G355" s="27">
        <v>6</v>
      </c>
    </row>
    <row r="356" spans="1:46" s="3" customFormat="1" ht="13.5" customHeight="1" x14ac:dyDescent="0.15">
      <c r="A356" s="3">
        <v>355</v>
      </c>
      <c r="B356" s="30" t="s">
        <v>613</v>
      </c>
      <c r="C356" s="27" t="s">
        <v>1990</v>
      </c>
      <c r="D356" s="31">
        <v>35730</v>
      </c>
      <c r="E356" s="32" t="s">
        <v>3003</v>
      </c>
      <c r="F356" s="32" t="s">
        <v>1038</v>
      </c>
      <c r="G356" s="27">
        <v>3</v>
      </c>
    </row>
    <row r="357" spans="1:46" s="3" customFormat="1" ht="13.5" customHeight="1" x14ac:dyDescent="0.15">
      <c r="A357" s="3">
        <v>356</v>
      </c>
      <c r="B357" s="30" t="s">
        <v>613</v>
      </c>
      <c r="C357" s="27" t="s">
        <v>1990</v>
      </c>
      <c r="D357" s="31">
        <v>35750</v>
      </c>
      <c r="E357" s="32" t="s">
        <v>439</v>
      </c>
      <c r="F357" s="32" t="s">
        <v>2184</v>
      </c>
      <c r="G357" s="27">
        <v>3</v>
      </c>
    </row>
    <row r="358" spans="1:46" s="3" customFormat="1" ht="13.5" customHeight="1" x14ac:dyDescent="0.15">
      <c r="A358" s="3">
        <v>357</v>
      </c>
      <c r="B358" s="30" t="s">
        <v>613</v>
      </c>
      <c r="C358" s="27" t="s">
        <v>1990</v>
      </c>
      <c r="D358" s="31">
        <v>37010</v>
      </c>
      <c r="E358" s="32" t="s">
        <v>2097</v>
      </c>
      <c r="F358" s="32" t="s">
        <v>1167</v>
      </c>
      <c r="G358" s="27">
        <v>12</v>
      </c>
    </row>
    <row r="359" spans="1:46" s="3" customFormat="1" ht="13.5" customHeight="1" x14ac:dyDescent="0.15">
      <c r="A359" s="3">
        <v>358</v>
      </c>
      <c r="B359" s="30" t="s">
        <v>613</v>
      </c>
      <c r="C359" s="27" t="s">
        <v>1990</v>
      </c>
      <c r="D359" s="31">
        <v>37140</v>
      </c>
      <c r="E359" s="32" t="s">
        <v>1782</v>
      </c>
      <c r="F359" s="32" t="s">
        <v>601</v>
      </c>
      <c r="G359" s="27">
        <v>6</v>
      </c>
    </row>
    <row r="360" spans="1:46" s="3" customFormat="1" ht="13.5" customHeight="1" x14ac:dyDescent="0.15">
      <c r="A360" s="3">
        <v>359</v>
      </c>
      <c r="B360" s="30" t="s">
        <v>613</v>
      </c>
      <c r="C360" s="27" t="s">
        <v>1990</v>
      </c>
      <c r="D360" s="31">
        <v>39140</v>
      </c>
      <c r="E360" s="32" t="s">
        <v>3030</v>
      </c>
      <c r="F360" s="32" t="s">
        <v>584</v>
      </c>
      <c r="G360" s="27">
        <v>8</v>
      </c>
    </row>
    <row r="361" spans="1:46" s="3" customFormat="1" ht="13.5" customHeight="1" x14ac:dyDescent="0.15">
      <c r="A361" s="3">
        <v>360</v>
      </c>
      <c r="B361" s="30" t="s">
        <v>613</v>
      </c>
      <c r="C361" s="27" t="s">
        <v>1990</v>
      </c>
      <c r="D361" s="31">
        <v>39290</v>
      </c>
      <c r="E361" s="32" t="s">
        <v>3034</v>
      </c>
      <c r="F361" s="32" t="s">
        <v>826</v>
      </c>
      <c r="G361" s="27">
        <v>6</v>
      </c>
    </row>
    <row r="362" spans="1:46" s="3" customFormat="1" ht="13.5" customHeight="1" x14ac:dyDescent="0.15">
      <c r="A362" s="3">
        <v>361</v>
      </c>
      <c r="B362" s="30" t="s">
        <v>613</v>
      </c>
      <c r="C362" s="27" t="s">
        <v>1990</v>
      </c>
      <c r="D362" s="31">
        <v>39480</v>
      </c>
      <c r="E362" s="32" t="s">
        <v>3042</v>
      </c>
      <c r="F362" s="32" t="s">
        <v>1108</v>
      </c>
      <c r="G362" s="27">
        <v>2</v>
      </c>
    </row>
    <row r="363" spans="1:46" s="3" customFormat="1" ht="13.5" customHeight="1" x14ac:dyDescent="0.15">
      <c r="A363" s="3">
        <v>362</v>
      </c>
      <c r="B363" s="26" t="s">
        <v>613</v>
      </c>
      <c r="C363" s="27" t="s">
        <v>1990</v>
      </c>
      <c r="D363" s="33">
        <v>39950</v>
      </c>
      <c r="E363" s="29" t="s">
        <v>3051</v>
      </c>
      <c r="F363" s="32" t="s">
        <v>57</v>
      </c>
      <c r="G363" s="27">
        <v>8</v>
      </c>
    </row>
    <row r="364" spans="1:46" s="3" customFormat="1" ht="13.5" customHeight="1" x14ac:dyDescent="0.15">
      <c r="A364" s="3">
        <v>363</v>
      </c>
      <c r="B364" s="30" t="s">
        <v>613</v>
      </c>
      <c r="C364" s="27" t="s">
        <v>1990</v>
      </c>
      <c r="D364" s="34">
        <v>40700</v>
      </c>
      <c r="E364" s="32" t="s">
        <v>3070</v>
      </c>
      <c r="F364" s="32" t="s">
        <v>1894</v>
      </c>
      <c r="G364" s="27">
        <v>9</v>
      </c>
    </row>
    <row r="365" spans="1:46" s="3" customFormat="1" ht="13.5" customHeight="1" x14ac:dyDescent="0.15">
      <c r="A365" s="3">
        <v>364</v>
      </c>
      <c r="B365" s="30" t="s">
        <v>613</v>
      </c>
      <c r="C365" s="35" t="s">
        <v>1129</v>
      </c>
      <c r="D365" s="28">
        <v>41410</v>
      </c>
      <c r="E365" s="36" t="s">
        <v>1119</v>
      </c>
      <c r="F365" s="29" t="s">
        <v>2219</v>
      </c>
      <c r="G365" s="27">
        <v>12</v>
      </c>
    </row>
    <row r="366" spans="1:46" s="3" customFormat="1" ht="13.5" customHeight="1" x14ac:dyDescent="0.15">
      <c r="A366" s="3">
        <v>365</v>
      </c>
      <c r="B366" s="30" t="s">
        <v>613</v>
      </c>
      <c r="C366" s="35" t="s">
        <v>1129</v>
      </c>
      <c r="D366" s="28">
        <v>41420</v>
      </c>
      <c r="E366" s="36" t="s">
        <v>1484</v>
      </c>
      <c r="F366" s="29" t="s">
        <v>2218</v>
      </c>
      <c r="G366" s="27">
        <v>12</v>
      </c>
    </row>
    <row r="367" spans="1:46" s="3" customFormat="1" ht="13.5" customHeight="1" x14ac:dyDescent="0.15">
      <c r="A367" s="3">
        <v>366</v>
      </c>
      <c r="B367" s="30" t="s">
        <v>613</v>
      </c>
      <c r="C367" s="35" t="s">
        <v>1129</v>
      </c>
      <c r="D367" s="28">
        <v>41460</v>
      </c>
      <c r="E367" s="36" t="s">
        <v>1138</v>
      </c>
      <c r="F367" s="29" t="s">
        <v>2216</v>
      </c>
      <c r="G367" s="27">
        <v>7</v>
      </c>
    </row>
    <row r="368" spans="1:46" s="3" customFormat="1" ht="13.5" customHeight="1" x14ac:dyDescent="0.15">
      <c r="A368" s="3">
        <v>367</v>
      </c>
      <c r="B368" s="30" t="s">
        <v>613</v>
      </c>
      <c r="C368" s="35" t="s">
        <v>1129</v>
      </c>
      <c r="D368" s="28">
        <v>41480</v>
      </c>
      <c r="E368" s="36" t="s">
        <v>1590</v>
      </c>
      <c r="F368" s="29" t="s">
        <v>2226</v>
      </c>
      <c r="G368" s="27">
        <v>12</v>
      </c>
    </row>
    <row r="369" spans="1:7" s="3" customFormat="1" ht="13.5" customHeight="1" x14ac:dyDescent="0.15">
      <c r="A369" s="3">
        <v>368</v>
      </c>
      <c r="B369" s="30" t="s">
        <v>613</v>
      </c>
      <c r="C369" s="27" t="s">
        <v>1990</v>
      </c>
      <c r="D369" s="28">
        <v>41670</v>
      </c>
      <c r="E369" s="32" t="s">
        <v>143</v>
      </c>
      <c r="F369" s="32" t="s">
        <v>2485</v>
      </c>
      <c r="G369" s="27">
        <v>4</v>
      </c>
    </row>
    <row r="370" spans="1:7" s="3" customFormat="1" ht="13.5" customHeight="1" x14ac:dyDescent="0.15">
      <c r="A370" s="3">
        <v>369</v>
      </c>
      <c r="B370" s="30" t="s">
        <v>613</v>
      </c>
      <c r="C370" s="27" t="s">
        <v>1990</v>
      </c>
      <c r="D370" s="28">
        <v>41780</v>
      </c>
      <c r="E370" s="38" t="s">
        <v>928</v>
      </c>
      <c r="F370" s="36" t="s">
        <v>2227</v>
      </c>
      <c r="G370" s="27">
        <v>6</v>
      </c>
    </row>
    <row r="371" spans="1:7" s="3" customFormat="1" ht="13.5" customHeight="1" x14ac:dyDescent="0.15">
      <c r="A371" s="3">
        <v>370</v>
      </c>
      <c r="B371" s="30" t="s">
        <v>613</v>
      </c>
      <c r="C371" s="27" t="s">
        <v>1990</v>
      </c>
      <c r="D371" s="28">
        <v>41820</v>
      </c>
      <c r="E371" s="38" t="s">
        <v>1668</v>
      </c>
      <c r="F371" s="36" t="s">
        <v>2215</v>
      </c>
      <c r="G371" s="27">
        <v>6</v>
      </c>
    </row>
    <row r="372" spans="1:7" s="3" customFormat="1" ht="13.5" customHeight="1" x14ac:dyDescent="0.15">
      <c r="A372" s="3">
        <v>371</v>
      </c>
      <c r="B372" s="26" t="s">
        <v>613</v>
      </c>
      <c r="C372" s="27" t="s">
        <v>1990</v>
      </c>
      <c r="D372" s="33">
        <v>42170</v>
      </c>
      <c r="E372" s="29" t="s">
        <v>992</v>
      </c>
      <c r="F372" s="32" t="s">
        <v>2223</v>
      </c>
      <c r="G372" s="27">
        <v>6</v>
      </c>
    </row>
    <row r="373" spans="1:7" s="3" customFormat="1" ht="13.5" customHeight="1" x14ac:dyDescent="0.15">
      <c r="A373" s="3">
        <v>372</v>
      </c>
      <c r="B373" s="30" t="s">
        <v>613</v>
      </c>
      <c r="C373" s="27" t="s">
        <v>1990</v>
      </c>
      <c r="D373" s="28">
        <v>42390</v>
      </c>
      <c r="E373" s="36" t="s">
        <v>1001</v>
      </c>
      <c r="F373" s="32" t="s">
        <v>2220</v>
      </c>
      <c r="G373" s="27">
        <v>5</v>
      </c>
    </row>
    <row r="374" spans="1:7" s="3" customFormat="1" ht="13.5" customHeight="1" x14ac:dyDescent="0.15">
      <c r="A374" s="3">
        <v>373</v>
      </c>
      <c r="B374" s="30" t="s">
        <v>613</v>
      </c>
      <c r="C374" s="27" t="s">
        <v>2062</v>
      </c>
      <c r="D374" s="28">
        <v>42520</v>
      </c>
      <c r="E374" s="29" t="s">
        <v>1554</v>
      </c>
      <c r="F374" s="29" t="s">
        <v>2221</v>
      </c>
      <c r="G374" s="27">
        <v>6</v>
      </c>
    </row>
    <row r="375" spans="1:7" s="3" customFormat="1" ht="13.5" customHeight="1" x14ac:dyDescent="0.15">
      <c r="A375" s="3">
        <v>374</v>
      </c>
      <c r="B375" s="30" t="s">
        <v>613</v>
      </c>
      <c r="C375" s="27" t="s">
        <v>2062</v>
      </c>
      <c r="D375" s="28">
        <v>42570</v>
      </c>
      <c r="E375" s="46" t="s">
        <v>715</v>
      </c>
      <c r="F375" s="48" t="s">
        <v>2415</v>
      </c>
      <c r="G375" s="27">
        <v>5</v>
      </c>
    </row>
    <row r="376" spans="1:7" s="3" customFormat="1" ht="13.5" customHeight="1" x14ac:dyDescent="0.15">
      <c r="A376" s="3">
        <v>375</v>
      </c>
      <c r="B376" s="30" t="s">
        <v>613</v>
      </c>
      <c r="C376" s="27" t="s">
        <v>2062</v>
      </c>
      <c r="D376" s="28">
        <v>42610</v>
      </c>
      <c r="E376" s="46" t="s">
        <v>194</v>
      </c>
      <c r="F376" s="46" t="s">
        <v>2213</v>
      </c>
      <c r="G376" s="27">
        <v>6</v>
      </c>
    </row>
    <row r="377" spans="1:7" s="3" customFormat="1" ht="13.5" customHeight="1" x14ac:dyDescent="0.15">
      <c r="A377" s="3">
        <v>376</v>
      </c>
      <c r="B377" s="30" t="s">
        <v>613</v>
      </c>
      <c r="C377" s="27" t="s">
        <v>2062</v>
      </c>
      <c r="D377" s="28">
        <v>42620</v>
      </c>
      <c r="E377" s="46" t="s">
        <v>193</v>
      </c>
      <c r="F377" s="46" t="s">
        <v>2214</v>
      </c>
      <c r="G377" s="27">
        <v>12</v>
      </c>
    </row>
    <row r="378" spans="1:7" s="3" customFormat="1" ht="13.5" customHeight="1" x14ac:dyDescent="0.15">
      <c r="A378" s="3">
        <v>377</v>
      </c>
      <c r="B378" s="30" t="s">
        <v>613</v>
      </c>
      <c r="C378" s="27" t="s">
        <v>1129</v>
      </c>
      <c r="D378" s="34">
        <v>42800</v>
      </c>
      <c r="E378" s="32" t="s">
        <v>2152</v>
      </c>
      <c r="F378" s="32" t="s">
        <v>2216</v>
      </c>
      <c r="G378" s="27">
        <v>12</v>
      </c>
    </row>
    <row r="379" spans="1:7" s="3" customFormat="1" ht="13.5" customHeight="1" x14ac:dyDescent="0.15">
      <c r="A379" s="3">
        <v>378</v>
      </c>
      <c r="B379" s="30" t="s">
        <v>613</v>
      </c>
      <c r="C379" s="27" t="s">
        <v>1993</v>
      </c>
      <c r="D379" s="34">
        <v>42920</v>
      </c>
      <c r="E379" s="32" t="s">
        <v>2165</v>
      </c>
      <c r="F379" s="32" t="s">
        <v>2166</v>
      </c>
      <c r="G379" s="27">
        <v>4</v>
      </c>
    </row>
    <row r="380" spans="1:7" s="3" customFormat="1" ht="13.5" customHeight="1" x14ac:dyDescent="0.15">
      <c r="A380" s="3">
        <v>379</v>
      </c>
      <c r="B380" s="30" t="s">
        <v>613</v>
      </c>
      <c r="C380" s="27" t="s">
        <v>1129</v>
      </c>
      <c r="D380" s="34">
        <v>143000</v>
      </c>
      <c r="E380" s="32" t="s">
        <v>2325</v>
      </c>
      <c r="F380" s="32" t="s">
        <v>2326</v>
      </c>
      <c r="G380" s="27">
        <v>6</v>
      </c>
    </row>
    <row r="381" spans="1:7" s="3" customFormat="1" ht="13.5" customHeight="1" x14ac:dyDescent="0.15">
      <c r="A381" s="3">
        <v>380</v>
      </c>
      <c r="B381" s="30" t="s">
        <v>613</v>
      </c>
      <c r="C381" s="27" t="s">
        <v>1993</v>
      </c>
      <c r="D381" s="34">
        <v>143120</v>
      </c>
      <c r="E381" s="32" t="s">
        <v>2301</v>
      </c>
      <c r="F381" s="32" t="s">
        <v>2302</v>
      </c>
      <c r="G381" s="27">
        <v>6</v>
      </c>
    </row>
    <row r="382" spans="1:7" s="3" customFormat="1" ht="13.5" customHeight="1" x14ac:dyDescent="0.15">
      <c r="A382" s="3">
        <v>381</v>
      </c>
      <c r="B382" s="30" t="s">
        <v>613</v>
      </c>
      <c r="C382" s="27" t="s">
        <v>1990</v>
      </c>
      <c r="D382" s="31">
        <v>143230</v>
      </c>
      <c r="E382" s="32" t="s">
        <v>2372</v>
      </c>
      <c r="F382" s="32" t="s">
        <v>2373</v>
      </c>
      <c r="G382" s="27">
        <v>11</v>
      </c>
    </row>
    <row r="383" spans="1:7" s="3" customFormat="1" ht="13.5" customHeight="1" x14ac:dyDescent="0.15">
      <c r="A383" s="3">
        <v>382</v>
      </c>
      <c r="B383" s="30" t="s">
        <v>613</v>
      </c>
      <c r="C383" s="27" t="s">
        <v>1990</v>
      </c>
      <c r="D383" s="31">
        <v>143250</v>
      </c>
      <c r="E383" s="32" t="s">
        <v>2376</v>
      </c>
      <c r="F383" s="32" t="s">
        <v>2377</v>
      </c>
      <c r="G383" s="27">
        <v>9</v>
      </c>
    </row>
    <row r="384" spans="1:7" s="3" customFormat="1" ht="13.5" customHeight="1" x14ac:dyDescent="0.15">
      <c r="A384" s="3">
        <v>383</v>
      </c>
      <c r="B384" s="30" t="s">
        <v>613</v>
      </c>
      <c r="C384" s="27" t="s">
        <v>1990</v>
      </c>
      <c r="D384" s="28">
        <v>143330</v>
      </c>
      <c r="E384" s="36" t="s">
        <v>2391</v>
      </c>
      <c r="F384" s="32" t="s">
        <v>2392</v>
      </c>
      <c r="G384" s="27">
        <v>9</v>
      </c>
    </row>
    <row r="385" spans="1:46" s="3" customFormat="1" ht="13.5" customHeight="1" x14ac:dyDescent="0.15">
      <c r="A385" s="3">
        <v>384</v>
      </c>
      <c r="B385" s="26" t="s">
        <v>613</v>
      </c>
      <c r="C385" s="27" t="s">
        <v>1990</v>
      </c>
      <c r="D385" s="33">
        <v>143400</v>
      </c>
      <c r="E385" s="29" t="s">
        <v>2621</v>
      </c>
      <c r="F385" s="32" t="s">
        <v>2622</v>
      </c>
      <c r="G385" s="27">
        <v>9</v>
      </c>
    </row>
    <row r="386" spans="1:46" s="3" customFormat="1" ht="13.5" customHeight="1" x14ac:dyDescent="0.15">
      <c r="A386" s="3">
        <v>385</v>
      </c>
      <c r="B386" s="30" t="s">
        <v>613</v>
      </c>
      <c r="C386" s="27" t="s">
        <v>1990</v>
      </c>
      <c r="D386" s="31">
        <v>143430</v>
      </c>
      <c r="E386" s="32" t="s">
        <v>2405</v>
      </c>
      <c r="F386" s="32" t="s">
        <v>2406</v>
      </c>
      <c r="G386" s="27">
        <v>12</v>
      </c>
      <c r="H386" s="2"/>
      <c r="I386" s="2"/>
      <c r="J386" s="2"/>
      <c r="K386" s="2"/>
      <c r="L386" s="2"/>
      <c r="M386" s="2"/>
      <c r="N386" s="2"/>
      <c r="O386" s="2"/>
      <c r="P386" s="2"/>
      <c r="Q386" s="2"/>
      <c r="R386" s="2"/>
      <c r="S386" s="2"/>
      <c r="T386" s="2"/>
      <c r="U386" s="2"/>
      <c r="V386" s="2"/>
      <c r="W386" s="2"/>
      <c r="X386" s="2"/>
      <c r="Y386" s="2"/>
      <c r="Z386" s="2"/>
      <c r="AA386" s="2"/>
      <c r="AB386" s="2"/>
      <c r="AC386" s="2"/>
      <c r="AD386" s="2"/>
      <c r="AE386" s="2"/>
      <c r="AF386" s="2"/>
      <c r="AG386" s="2"/>
      <c r="AH386" s="2"/>
      <c r="AI386" s="2"/>
      <c r="AJ386" s="2"/>
      <c r="AK386" s="2"/>
      <c r="AL386" s="2"/>
      <c r="AM386" s="2"/>
      <c r="AN386" s="2"/>
      <c r="AO386" s="2"/>
      <c r="AP386" s="2"/>
      <c r="AQ386" s="2"/>
      <c r="AR386" s="2"/>
      <c r="AS386" s="2"/>
      <c r="AT386" s="2"/>
    </row>
    <row r="387" spans="1:46" s="3" customFormat="1" ht="13.5" customHeight="1" x14ac:dyDescent="0.15">
      <c r="A387" s="3">
        <v>386</v>
      </c>
      <c r="B387" s="30" t="s">
        <v>613</v>
      </c>
      <c r="C387" s="27" t="s">
        <v>1993</v>
      </c>
      <c r="D387" s="31">
        <v>143530</v>
      </c>
      <c r="E387" s="32" t="s">
        <v>2525</v>
      </c>
      <c r="F387" s="32" t="s">
        <v>2526</v>
      </c>
      <c r="G387" s="27">
        <v>12</v>
      </c>
    </row>
    <row r="388" spans="1:46" s="3" customFormat="1" ht="13.5" customHeight="1" x14ac:dyDescent="0.15">
      <c r="A388" s="3">
        <v>387</v>
      </c>
      <c r="B388" s="30" t="s">
        <v>613</v>
      </c>
      <c r="C388" s="27" t="s">
        <v>1993</v>
      </c>
      <c r="D388" s="34">
        <v>143740</v>
      </c>
      <c r="E388" s="32" t="s">
        <v>3106</v>
      </c>
      <c r="F388" s="32" t="s">
        <v>2576</v>
      </c>
      <c r="G388" s="27">
        <v>6</v>
      </c>
    </row>
    <row r="389" spans="1:46" s="3" customFormat="1" ht="13.5" customHeight="1" x14ac:dyDescent="0.15">
      <c r="A389" s="3">
        <v>388</v>
      </c>
      <c r="B389" s="30" t="s">
        <v>613</v>
      </c>
      <c r="C389" s="27" t="s">
        <v>1129</v>
      </c>
      <c r="D389" s="31">
        <v>143950</v>
      </c>
      <c r="E389" s="32" t="s">
        <v>2497</v>
      </c>
      <c r="F389" s="32" t="s">
        <v>2496</v>
      </c>
      <c r="G389" s="27">
        <v>3</v>
      </c>
    </row>
    <row r="390" spans="1:46" s="3" customFormat="1" ht="13.5" customHeight="1" x14ac:dyDescent="0.15">
      <c r="A390" s="3">
        <v>389</v>
      </c>
      <c r="B390" s="26" t="s">
        <v>549</v>
      </c>
      <c r="C390" s="27" t="s">
        <v>1129</v>
      </c>
      <c r="D390" s="28">
        <v>144410</v>
      </c>
      <c r="E390" s="29" t="s">
        <v>2596</v>
      </c>
      <c r="F390" s="29" t="s">
        <v>2603</v>
      </c>
      <c r="G390" s="39">
        <v>5</v>
      </c>
    </row>
    <row r="391" spans="1:46" s="3" customFormat="1" ht="13.5" customHeight="1" x14ac:dyDescent="0.15">
      <c r="A391" s="3">
        <v>390</v>
      </c>
      <c r="B391" s="26" t="s">
        <v>549</v>
      </c>
      <c r="C391" s="27" t="s">
        <v>1129</v>
      </c>
      <c r="D391" s="28">
        <v>144480</v>
      </c>
      <c r="E391" s="29" t="s">
        <v>2598</v>
      </c>
      <c r="F391" s="29" t="s">
        <v>2607</v>
      </c>
      <c r="G391" s="39">
        <v>5</v>
      </c>
    </row>
    <row r="392" spans="1:46" s="3" customFormat="1" ht="13.5" customHeight="1" x14ac:dyDescent="0.15">
      <c r="A392" s="3">
        <v>391</v>
      </c>
      <c r="B392" s="26" t="s">
        <v>549</v>
      </c>
      <c r="C392" s="27" t="s">
        <v>1129</v>
      </c>
      <c r="D392" s="28">
        <v>144520</v>
      </c>
      <c r="E392" s="29" t="s">
        <v>2601</v>
      </c>
      <c r="F392" s="29" t="s">
        <v>2611</v>
      </c>
      <c r="G392" s="39">
        <v>6</v>
      </c>
    </row>
    <row r="393" spans="1:46" s="3" customFormat="1" ht="13.5" customHeight="1" x14ac:dyDescent="0.15">
      <c r="A393" s="3">
        <v>392</v>
      </c>
      <c r="B393" s="26" t="s">
        <v>549</v>
      </c>
      <c r="C393" s="27" t="s">
        <v>1993</v>
      </c>
      <c r="D393" s="28">
        <v>144560</v>
      </c>
      <c r="E393" s="45" t="s">
        <v>2713</v>
      </c>
      <c r="F393" s="45" t="s">
        <v>2721</v>
      </c>
      <c r="G393" s="39">
        <v>1</v>
      </c>
    </row>
    <row r="394" spans="1:46" s="3" customFormat="1" ht="13.5" customHeight="1" x14ac:dyDescent="0.15">
      <c r="A394" s="3">
        <v>393</v>
      </c>
      <c r="B394" s="30" t="s">
        <v>613</v>
      </c>
      <c r="C394" s="27" t="s">
        <v>1129</v>
      </c>
      <c r="D394" s="31">
        <v>144650</v>
      </c>
      <c r="E394" s="32" t="s">
        <v>2641</v>
      </c>
      <c r="F394" s="32" t="s">
        <v>2664</v>
      </c>
      <c r="G394" s="27">
        <v>2</v>
      </c>
    </row>
    <row r="395" spans="1:46" s="3" customFormat="1" ht="13.5" customHeight="1" x14ac:dyDescent="0.15">
      <c r="A395" s="3">
        <v>394</v>
      </c>
      <c r="B395" s="30" t="s">
        <v>613</v>
      </c>
      <c r="C395" s="27" t="s">
        <v>1129</v>
      </c>
      <c r="D395" s="28">
        <v>144680</v>
      </c>
      <c r="E395" s="29" t="s">
        <v>2644</v>
      </c>
      <c r="F395" s="29" t="s">
        <v>2667</v>
      </c>
      <c r="G395" s="27">
        <v>9</v>
      </c>
    </row>
    <row r="396" spans="1:46" s="3" customFormat="1" ht="13.5" customHeight="1" x14ac:dyDescent="0.15">
      <c r="A396" s="3">
        <v>395</v>
      </c>
      <c r="B396" s="30" t="s">
        <v>613</v>
      </c>
      <c r="C396" s="27" t="s">
        <v>1129</v>
      </c>
      <c r="D396" s="28">
        <v>144740</v>
      </c>
      <c r="E396" s="29" t="s">
        <v>2650</v>
      </c>
      <c r="F396" s="29" t="s">
        <v>2673</v>
      </c>
      <c r="G396" s="27">
        <v>2</v>
      </c>
    </row>
    <row r="397" spans="1:46" s="3" customFormat="1" ht="13.5" customHeight="1" x14ac:dyDescent="0.15">
      <c r="A397" s="3">
        <v>396</v>
      </c>
      <c r="B397" s="30" t="s">
        <v>613</v>
      </c>
      <c r="C397" s="27" t="s">
        <v>1993</v>
      </c>
      <c r="D397" s="31">
        <v>144950</v>
      </c>
      <c r="E397" s="29" t="s">
        <v>2702</v>
      </c>
      <c r="F397" s="29" t="s">
        <v>2693</v>
      </c>
      <c r="G397" s="27">
        <v>5</v>
      </c>
    </row>
    <row r="398" spans="1:46" s="3" customFormat="1" ht="13.5" customHeight="1" x14ac:dyDescent="0.15">
      <c r="A398" s="3">
        <v>397</v>
      </c>
      <c r="B398" s="30" t="s">
        <v>613</v>
      </c>
      <c r="C398" s="27" t="s">
        <v>1993</v>
      </c>
      <c r="D398" s="31">
        <v>145070</v>
      </c>
      <c r="E398" s="29" t="s">
        <v>2765</v>
      </c>
      <c r="F398" s="40" t="s">
        <v>2755</v>
      </c>
      <c r="G398" s="27">
        <v>1</v>
      </c>
    </row>
    <row r="399" spans="1:46" s="3" customFormat="1" ht="13.5" customHeight="1" x14ac:dyDescent="0.15">
      <c r="A399" s="3">
        <v>398</v>
      </c>
      <c r="B399" s="30" t="s">
        <v>613</v>
      </c>
      <c r="C399" s="27" t="s">
        <v>1993</v>
      </c>
      <c r="D399" s="31">
        <v>145090</v>
      </c>
      <c r="E399" s="29" t="s">
        <v>2767</v>
      </c>
      <c r="F399" s="29" t="s">
        <v>2756</v>
      </c>
      <c r="G399" s="27">
        <v>1</v>
      </c>
    </row>
    <row r="400" spans="1:46" ht="13.5" customHeight="1" x14ac:dyDescent="0.15">
      <c r="A400" s="3">
        <v>399</v>
      </c>
      <c r="B400" s="30" t="s">
        <v>613</v>
      </c>
      <c r="C400" s="27" t="s">
        <v>1993</v>
      </c>
      <c r="D400" s="31">
        <v>145110</v>
      </c>
      <c r="E400" s="29" t="s">
        <v>2769</v>
      </c>
      <c r="F400" s="40" t="s">
        <v>2742</v>
      </c>
      <c r="G400" s="27">
        <v>10</v>
      </c>
      <c r="H400" s="3"/>
      <c r="I400" s="3"/>
      <c r="J400" s="3"/>
      <c r="K400" s="3"/>
      <c r="L400" s="3"/>
      <c r="M400" s="3"/>
      <c r="N400" s="3"/>
      <c r="O400" s="3"/>
      <c r="P400" s="3"/>
      <c r="Q400" s="3"/>
      <c r="R400" s="3"/>
      <c r="S400" s="3"/>
      <c r="T400" s="3"/>
      <c r="U400" s="3"/>
      <c r="V400" s="3"/>
      <c r="W400" s="3"/>
      <c r="X400" s="3"/>
      <c r="Y400" s="3"/>
      <c r="Z400" s="3"/>
      <c r="AA400" s="3"/>
      <c r="AB400" s="3"/>
      <c r="AC400" s="3"/>
      <c r="AD400" s="3"/>
      <c r="AE400" s="3"/>
      <c r="AF400" s="3"/>
      <c r="AG400" s="3"/>
      <c r="AH400" s="3"/>
      <c r="AI400" s="3"/>
      <c r="AJ400" s="3"/>
      <c r="AK400" s="3"/>
      <c r="AL400" s="3"/>
      <c r="AM400" s="3"/>
      <c r="AN400" s="3"/>
      <c r="AO400" s="3"/>
      <c r="AP400" s="3"/>
      <c r="AQ400" s="3"/>
      <c r="AR400" s="3"/>
      <c r="AS400" s="3"/>
      <c r="AT400" s="3"/>
    </row>
    <row r="401" spans="1:46" ht="13.5" customHeight="1" x14ac:dyDescent="0.15">
      <c r="A401" s="3">
        <v>400</v>
      </c>
      <c r="B401" s="30" t="s">
        <v>613</v>
      </c>
      <c r="C401" s="27" t="s">
        <v>2062</v>
      </c>
      <c r="D401" s="31">
        <v>145370</v>
      </c>
      <c r="E401" s="29" t="s">
        <v>2836</v>
      </c>
      <c r="F401" s="40" t="s">
        <v>2808</v>
      </c>
      <c r="G401" s="27">
        <v>7</v>
      </c>
      <c r="H401" s="3"/>
      <c r="I401" s="3"/>
      <c r="J401" s="3"/>
      <c r="K401" s="3"/>
      <c r="L401" s="3"/>
      <c r="M401" s="3"/>
      <c r="N401" s="3"/>
      <c r="O401" s="3"/>
      <c r="P401" s="3"/>
      <c r="Q401" s="3"/>
      <c r="R401" s="3"/>
      <c r="S401" s="3"/>
      <c r="T401" s="3"/>
      <c r="U401" s="3"/>
      <c r="V401" s="3"/>
      <c r="W401" s="3"/>
      <c r="X401" s="3"/>
      <c r="Y401" s="3"/>
      <c r="Z401" s="3"/>
      <c r="AA401" s="3"/>
      <c r="AB401" s="3"/>
      <c r="AC401" s="3"/>
      <c r="AD401" s="3"/>
      <c r="AE401" s="3"/>
      <c r="AF401" s="3"/>
      <c r="AG401" s="3"/>
      <c r="AH401" s="3"/>
      <c r="AI401" s="3"/>
      <c r="AJ401" s="3"/>
      <c r="AK401" s="3"/>
      <c r="AL401" s="3"/>
      <c r="AM401" s="3"/>
      <c r="AN401" s="3"/>
      <c r="AO401" s="3"/>
      <c r="AP401" s="3"/>
      <c r="AQ401" s="3"/>
      <c r="AR401" s="3"/>
      <c r="AS401" s="3"/>
      <c r="AT401" s="3"/>
    </row>
    <row r="402" spans="1:46" ht="13.5" customHeight="1" x14ac:dyDescent="0.15">
      <c r="A402" s="3">
        <v>401</v>
      </c>
      <c r="B402" s="30" t="s">
        <v>613</v>
      </c>
      <c r="C402" s="27" t="s">
        <v>2860</v>
      </c>
      <c r="D402" s="31">
        <v>145450</v>
      </c>
      <c r="E402" s="29" t="s">
        <v>2844</v>
      </c>
      <c r="F402" s="40" t="s">
        <v>2816</v>
      </c>
      <c r="G402" s="27">
        <v>7</v>
      </c>
    </row>
    <row r="403" spans="1:46" ht="13.5" customHeight="1" x14ac:dyDescent="0.15">
      <c r="A403" s="3">
        <v>402</v>
      </c>
      <c r="B403" s="30" t="s">
        <v>613</v>
      </c>
      <c r="C403" s="27" t="s">
        <v>2861</v>
      </c>
      <c r="D403" s="31">
        <v>145510</v>
      </c>
      <c r="E403" s="29" t="s">
        <v>2850</v>
      </c>
      <c r="F403" s="40" t="s">
        <v>2822</v>
      </c>
      <c r="G403" s="27">
        <v>4</v>
      </c>
      <c r="H403" s="3"/>
      <c r="I403" s="3"/>
      <c r="J403" s="3"/>
      <c r="K403" s="3"/>
      <c r="L403" s="3"/>
      <c r="M403" s="3"/>
      <c r="N403" s="3"/>
      <c r="O403" s="3"/>
      <c r="P403" s="3"/>
      <c r="Q403" s="3"/>
      <c r="R403" s="3"/>
      <c r="S403" s="3"/>
      <c r="T403" s="3"/>
      <c r="U403" s="3"/>
      <c r="V403" s="3"/>
      <c r="W403" s="3"/>
      <c r="X403" s="3"/>
      <c r="Y403" s="3"/>
      <c r="Z403" s="3"/>
      <c r="AA403" s="3"/>
      <c r="AB403" s="3"/>
      <c r="AC403" s="3"/>
      <c r="AD403" s="3"/>
      <c r="AE403" s="3"/>
      <c r="AF403" s="3"/>
      <c r="AG403" s="3"/>
      <c r="AH403" s="3"/>
      <c r="AI403" s="3"/>
      <c r="AJ403" s="3"/>
      <c r="AK403" s="3"/>
      <c r="AL403" s="3"/>
      <c r="AM403" s="3"/>
      <c r="AN403" s="3"/>
      <c r="AO403" s="3"/>
      <c r="AP403" s="3"/>
      <c r="AQ403" s="3"/>
      <c r="AR403" s="3"/>
      <c r="AS403" s="3"/>
      <c r="AT403" s="3"/>
    </row>
    <row r="404" spans="1:46" s="3" customFormat="1" ht="13.5" customHeight="1" x14ac:dyDescent="0.15">
      <c r="A404" s="3">
        <v>403</v>
      </c>
      <c r="B404" s="30" t="s">
        <v>613</v>
      </c>
      <c r="C404" s="27" t="s">
        <v>2062</v>
      </c>
      <c r="D404" s="28">
        <v>145540</v>
      </c>
      <c r="E404" s="40" t="s">
        <v>3111</v>
      </c>
      <c r="F404" s="29" t="s">
        <v>2894</v>
      </c>
      <c r="G404" s="27">
        <v>6</v>
      </c>
    </row>
    <row r="405" spans="1:46" s="3" customFormat="1" ht="13.5" customHeight="1" x14ac:dyDescent="0.15">
      <c r="A405" s="3">
        <v>404</v>
      </c>
      <c r="B405" s="30" t="s">
        <v>613</v>
      </c>
      <c r="C405" s="27" t="s">
        <v>2062</v>
      </c>
      <c r="D405" s="28">
        <v>145600</v>
      </c>
      <c r="E405" s="40" t="s">
        <v>2888</v>
      </c>
      <c r="F405" s="29" t="s">
        <v>2900</v>
      </c>
      <c r="G405" s="27">
        <v>7</v>
      </c>
    </row>
    <row r="406" spans="1:46" s="3" customFormat="1" ht="13.5" customHeight="1" x14ac:dyDescent="0.15">
      <c r="A406" s="3">
        <v>405</v>
      </c>
      <c r="B406" s="30" t="s">
        <v>613</v>
      </c>
      <c r="C406" s="27" t="s">
        <v>2062</v>
      </c>
      <c r="D406" s="28">
        <v>145640</v>
      </c>
      <c r="E406" s="40" t="s">
        <v>2892</v>
      </c>
      <c r="F406" s="29" t="s">
        <v>2900</v>
      </c>
      <c r="G406" s="27">
        <v>8</v>
      </c>
      <c r="H406" s="2"/>
      <c r="I406" s="2"/>
      <c r="J406" s="2"/>
      <c r="K406" s="2"/>
      <c r="L406" s="2"/>
      <c r="M406" s="2"/>
      <c r="N406" s="2"/>
      <c r="O406" s="2"/>
      <c r="P406" s="2"/>
      <c r="Q406" s="2"/>
      <c r="R406" s="2"/>
      <c r="S406" s="2"/>
      <c r="T406" s="2"/>
      <c r="U406" s="2"/>
      <c r="V406" s="2"/>
      <c r="W406" s="2"/>
      <c r="X406" s="2"/>
      <c r="Y406" s="2"/>
      <c r="Z406" s="2"/>
      <c r="AA406" s="2"/>
      <c r="AB406" s="2"/>
      <c r="AC406" s="2"/>
      <c r="AD406" s="2"/>
      <c r="AE406" s="2"/>
      <c r="AF406" s="2"/>
      <c r="AG406" s="2"/>
      <c r="AH406" s="2"/>
      <c r="AI406" s="2"/>
      <c r="AJ406" s="2"/>
      <c r="AK406" s="2"/>
      <c r="AL406" s="2"/>
      <c r="AM406" s="2"/>
      <c r="AN406" s="2"/>
      <c r="AO406" s="2"/>
      <c r="AP406" s="2"/>
      <c r="AQ406" s="2"/>
      <c r="AR406" s="2"/>
      <c r="AS406" s="2"/>
      <c r="AT406" s="2"/>
    </row>
    <row r="407" spans="1:46" s="3" customFormat="1" ht="13.5" customHeight="1" x14ac:dyDescent="0.15">
      <c r="A407" s="3">
        <v>406</v>
      </c>
      <c r="B407" s="30" t="s">
        <v>613</v>
      </c>
      <c r="C407" s="27" t="s">
        <v>2062</v>
      </c>
      <c r="D407" s="28">
        <v>145700</v>
      </c>
      <c r="E407" s="29" t="s">
        <v>2917</v>
      </c>
      <c r="F407" s="29" t="s">
        <v>2907</v>
      </c>
      <c r="G407" s="27">
        <v>1</v>
      </c>
    </row>
    <row r="408" spans="1:46" s="3" customFormat="1" ht="13.5" customHeight="1" x14ac:dyDescent="0.15">
      <c r="A408" s="3">
        <v>407</v>
      </c>
      <c r="B408" s="30" t="s">
        <v>613</v>
      </c>
      <c r="C408" s="27" t="s">
        <v>2062</v>
      </c>
      <c r="D408" s="28">
        <v>145720</v>
      </c>
      <c r="E408" s="29" t="s">
        <v>2919</v>
      </c>
      <c r="F408" s="29" t="s">
        <v>2909</v>
      </c>
      <c r="G408" s="27">
        <v>8</v>
      </c>
    </row>
    <row r="409" spans="1:46" s="3" customFormat="1" ht="13.5" customHeight="1" x14ac:dyDescent="0.15">
      <c r="A409" s="3">
        <v>408</v>
      </c>
      <c r="B409" s="30" t="s">
        <v>613</v>
      </c>
      <c r="C409" s="27" t="s">
        <v>2062</v>
      </c>
      <c r="D409" s="28">
        <v>145740</v>
      </c>
      <c r="E409" s="29" t="s">
        <v>2921</v>
      </c>
      <c r="F409" s="29" t="s">
        <v>2911</v>
      </c>
      <c r="G409" s="27">
        <v>2</v>
      </c>
    </row>
    <row r="410" spans="1:46" s="3" customFormat="1" ht="13.5" customHeight="1" x14ac:dyDescent="0.15">
      <c r="A410" s="3">
        <v>409</v>
      </c>
      <c r="B410" s="30" t="s">
        <v>613</v>
      </c>
      <c r="C410" s="27" t="s">
        <v>1129</v>
      </c>
      <c r="D410" s="28">
        <v>145900</v>
      </c>
      <c r="E410" s="40" t="s">
        <v>2973</v>
      </c>
      <c r="F410" s="51" t="s">
        <v>2944</v>
      </c>
      <c r="G410" s="27">
        <v>8</v>
      </c>
      <c r="H410" s="2"/>
      <c r="I410" s="2"/>
      <c r="J410" s="2"/>
      <c r="K410" s="2"/>
      <c r="L410" s="2"/>
      <c r="M410" s="2"/>
      <c r="N410" s="2"/>
      <c r="O410" s="2"/>
      <c r="P410" s="2"/>
      <c r="Q410" s="2"/>
      <c r="R410" s="2"/>
      <c r="S410" s="2"/>
      <c r="T410" s="2"/>
      <c r="U410" s="2"/>
      <c r="V410" s="2"/>
      <c r="W410" s="2"/>
      <c r="X410" s="2"/>
      <c r="Y410" s="2"/>
      <c r="Z410" s="2"/>
      <c r="AA410" s="2"/>
      <c r="AB410" s="2"/>
      <c r="AC410" s="2"/>
      <c r="AD410" s="2"/>
      <c r="AE410" s="2"/>
      <c r="AF410" s="2"/>
      <c r="AG410" s="2"/>
      <c r="AH410" s="2"/>
      <c r="AI410" s="2"/>
      <c r="AJ410" s="2"/>
      <c r="AK410" s="2"/>
      <c r="AL410" s="2"/>
      <c r="AM410" s="2"/>
      <c r="AN410" s="2"/>
      <c r="AO410" s="2"/>
      <c r="AP410" s="2"/>
      <c r="AQ410" s="2"/>
      <c r="AR410" s="2"/>
      <c r="AS410" s="2"/>
      <c r="AT410" s="2"/>
    </row>
    <row r="411" spans="1:46" s="3" customFormat="1" ht="13.5" customHeight="1" x14ac:dyDescent="0.15">
      <c r="A411" s="3">
        <v>410</v>
      </c>
      <c r="B411" s="30" t="s">
        <v>613</v>
      </c>
      <c r="C411" s="27" t="s">
        <v>2062</v>
      </c>
      <c r="D411" s="28">
        <v>146060</v>
      </c>
      <c r="E411" s="41" t="s">
        <v>2984</v>
      </c>
      <c r="F411" s="52" t="s">
        <v>2959</v>
      </c>
      <c r="G411" s="27">
        <v>2</v>
      </c>
      <c r="H411" s="5"/>
      <c r="I411" s="5"/>
      <c r="J411" s="5"/>
      <c r="K411" s="5"/>
      <c r="L411" s="5"/>
      <c r="M411" s="5"/>
      <c r="N411" s="5"/>
      <c r="O411" s="5"/>
      <c r="P411" s="5"/>
      <c r="Q411" s="5"/>
      <c r="R411" s="5"/>
      <c r="S411" s="5"/>
      <c r="T411" s="5"/>
      <c r="U411" s="5"/>
      <c r="V411" s="5"/>
      <c r="W411" s="5"/>
      <c r="X411" s="5"/>
      <c r="Y411" s="5"/>
      <c r="Z411" s="5"/>
      <c r="AA411" s="5"/>
      <c r="AB411" s="5"/>
      <c r="AC411" s="5"/>
      <c r="AD411" s="5"/>
      <c r="AE411" s="5"/>
      <c r="AF411" s="5"/>
      <c r="AG411" s="5"/>
      <c r="AH411" s="5"/>
      <c r="AI411" s="5"/>
      <c r="AJ411" s="5"/>
      <c r="AK411" s="5"/>
      <c r="AL411" s="5"/>
      <c r="AM411" s="5"/>
      <c r="AN411" s="5"/>
      <c r="AO411" s="5"/>
      <c r="AP411" s="5"/>
      <c r="AQ411" s="2"/>
      <c r="AR411" s="2"/>
      <c r="AS411" s="2"/>
      <c r="AT411" s="2"/>
    </row>
    <row r="412" spans="1:46" s="3" customFormat="1" ht="13.5" customHeight="1" x14ac:dyDescent="0.15">
      <c r="A412" s="3">
        <v>411</v>
      </c>
      <c r="B412" s="30" t="s">
        <v>549</v>
      </c>
      <c r="C412" s="27" t="s">
        <v>3216</v>
      </c>
      <c r="D412" s="28">
        <v>146130</v>
      </c>
      <c r="E412" s="40" t="s">
        <v>3214</v>
      </c>
      <c r="F412" s="29" t="s">
        <v>3215</v>
      </c>
      <c r="G412" s="27">
        <v>3</v>
      </c>
      <c r="H412" s="2"/>
      <c r="I412" s="2"/>
      <c r="J412" s="2"/>
      <c r="K412" s="2"/>
      <c r="L412" s="2"/>
      <c r="M412" s="2"/>
      <c r="N412" s="2"/>
      <c r="O412" s="2"/>
      <c r="P412" s="2"/>
      <c r="Q412" s="2"/>
      <c r="R412" s="2"/>
      <c r="S412" s="2"/>
      <c r="T412" s="2"/>
      <c r="U412" s="2"/>
      <c r="V412" s="2"/>
      <c r="W412" s="2"/>
      <c r="X412" s="2"/>
      <c r="Y412" s="2"/>
      <c r="Z412" s="2"/>
      <c r="AA412" s="2"/>
      <c r="AB412" s="2"/>
      <c r="AC412" s="2"/>
      <c r="AD412" s="2"/>
      <c r="AE412" s="2"/>
      <c r="AF412" s="2"/>
      <c r="AG412" s="2"/>
      <c r="AH412" s="2"/>
      <c r="AI412" s="2"/>
      <c r="AJ412" s="2"/>
      <c r="AK412" s="2"/>
      <c r="AL412" s="2"/>
      <c r="AM412" s="2"/>
      <c r="AN412" s="2"/>
      <c r="AO412" s="2"/>
      <c r="AP412" s="2"/>
      <c r="AQ412" s="2"/>
      <c r="AR412" s="2"/>
      <c r="AS412" s="2"/>
      <c r="AT412" s="2"/>
    </row>
    <row r="413" spans="1:46" s="3" customFormat="1" ht="13.5" customHeight="1" x14ac:dyDescent="0.15">
      <c r="A413" s="3">
        <v>412</v>
      </c>
      <c r="B413" s="30" t="s">
        <v>3219</v>
      </c>
      <c r="C413" s="27" t="s">
        <v>3216</v>
      </c>
      <c r="D413" s="28">
        <v>146150</v>
      </c>
      <c r="E413" s="40" t="s">
        <v>3217</v>
      </c>
      <c r="F413" s="29" t="s">
        <v>3218</v>
      </c>
      <c r="G413" s="27">
        <v>8</v>
      </c>
      <c r="H413" s="2"/>
      <c r="I413" s="2"/>
      <c r="J413" s="2"/>
      <c r="K413" s="2"/>
      <c r="L413" s="2"/>
      <c r="M413" s="2"/>
      <c r="N413" s="2"/>
      <c r="O413" s="2"/>
      <c r="P413" s="2"/>
      <c r="Q413" s="2"/>
      <c r="R413" s="2"/>
      <c r="S413" s="2"/>
      <c r="T413" s="2"/>
      <c r="U413" s="2"/>
      <c r="V413" s="2"/>
      <c r="W413" s="2"/>
      <c r="X413" s="2"/>
      <c r="Y413" s="2"/>
      <c r="Z413" s="2"/>
      <c r="AA413" s="2"/>
      <c r="AB413" s="2"/>
      <c r="AC413" s="2"/>
      <c r="AD413" s="2"/>
      <c r="AE413" s="2"/>
      <c r="AF413" s="2"/>
      <c r="AG413" s="2"/>
      <c r="AH413" s="2"/>
      <c r="AI413" s="2"/>
      <c r="AJ413" s="2"/>
      <c r="AK413" s="2"/>
      <c r="AL413" s="2"/>
      <c r="AM413" s="2"/>
      <c r="AN413" s="2"/>
      <c r="AO413" s="2"/>
      <c r="AP413" s="2"/>
      <c r="AQ413" s="2"/>
      <c r="AR413" s="2"/>
      <c r="AS413" s="2"/>
      <c r="AT413" s="2"/>
    </row>
    <row r="414" spans="1:46" s="3" customFormat="1" ht="13.5" customHeight="1" x14ac:dyDescent="0.15">
      <c r="A414" s="3">
        <v>413</v>
      </c>
      <c r="B414" s="30" t="s">
        <v>613</v>
      </c>
      <c r="C414" s="39" t="s">
        <v>2062</v>
      </c>
      <c r="D414" s="33">
        <v>146210</v>
      </c>
      <c r="E414" s="40" t="s">
        <v>3126</v>
      </c>
      <c r="F414" s="29" t="s">
        <v>3127</v>
      </c>
      <c r="G414" s="27">
        <v>8</v>
      </c>
      <c r="H414" s="2"/>
      <c r="I414" s="2"/>
      <c r="J414" s="2"/>
      <c r="K414" s="2"/>
      <c r="L414" s="2"/>
      <c r="M414" s="2"/>
      <c r="N414" s="2"/>
      <c r="O414" s="2"/>
      <c r="P414" s="2"/>
      <c r="Q414" s="2"/>
      <c r="R414" s="2"/>
      <c r="S414" s="2"/>
      <c r="T414" s="2"/>
      <c r="U414" s="2"/>
      <c r="V414" s="2"/>
      <c r="W414" s="2"/>
      <c r="X414" s="2"/>
      <c r="Y414" s="2"/>
      <c r="Z414" s="2"/>
      <c r="AA414" s="2"/>
      <c r="AB414" s="2"/>
      <c r="AC414" s="2"/>
      <c r="AD414" s="2"/>
      <c r="AE414" s="2"/>
      <c r="AF414" s="2"/>
      <c r="AG414" s="2"/>
      <c r="AH414" s="2"/>
      <c r="AI414" s="2"/>
      <c r="AJ414" s="2"/>
      <c r="AK414" s="2"/>
      <c r="AL414" s="2"/>
      <c r="AM414" s="2"/>
      <c r="AN414" s="2"/>
      <c r="AO414" s="2"/>
      <c r="AP414" s="2"/>
      <c r="AQ414" s="2"/>
      <c r="AR414" s="2"/>
      <c r="AS414" s="2"/>
      <c r="AT414" s="2"/>
    </row>
    <row r="415" spans="1:46" s="3" customFormat="1" ht="13.5" customHeight="1" x14ac:dyDescent="0.15">
      <c r="A415" s="3">
        <v>414</v>
      </c>
      <c r="B415" s="30" t="s">
        <v>613</v>
      </c>
      <c r="C415" s="39" t="s">
        <v>3216</v>
      </c>
      <c r="D415" s="28">
        <v>146240</v>
      </c>
      <c r="E415" s="40" t="s">
        <v>3237</v>
      </c>
      <c r="F415" s="29" t="s">
        <v>3238</v>
      </c>
      <c r="G415" s="27">
        <v>3</v>
      </c>
      <c r="H415" s="2"/>
      <c r="I415" s="2"/>
      <c r="J415" s="2"/>
      <c r="K415" s="2"/>
      <c r="L415" s="2"/>
      <c r="M415" s="2"/>
      <c r="N415" s="2"/>
      <c r="O415" s="2"/>
      <c r="P415" s="2"/>
      <c r="Q415" s="2"/>
      <c r="R415" s="2"/>
      <c r="S415" s="2"/>
      <c r="T415" s="2"/>
      <c r="U415" s="2"/>
      <c r="V415" s="2"/>
      <c r="W415" s="2"/>
      <c r="X415" s="2"/>
      <c r="Y415" s="2"/>
      <c r="Z415" s="2"/>
      <c r="AA415" s="2"/>
      <c r="AB415" s="2"/>
      <c r="AC415" s="2"/>
      <c r="AD415" s="2"/>
      <c r="AE415" s="2"/>
      <c r="AF415" s="2"/>
      <c r="AG415" s="2"/>
      <c r="AH415" s="2"/>
      <c r="AI415" s="2"/>
      <c r="AJ415" s="2"/>
      <c r="AK415" s="2"/>
      <c r="AL415" s="2"/>
      <c r="AM415" s="2"/>
      <c r="AN415" s="2"/>
      <c r="AO415" s="2"/>
      <c r="AP415" s="2"/>
      <c r="AQ415" s="2"/>
      <c r="AR415" s="2"/>
      <c r="AS415" s="2"/>
      <c r="AT415" s="2"/>
    </row>
    <row r="416" spans="1:46" s="3" customFormat="1" ht="13.5" customHeight="1" x14ac:dyDescent="0.15">
      <c r="A416" s="3">
        <v>415</v>
      </c>
      <c r="B416" s="26" t="s">
        <v>613</v>
      </c>
      <c r="C416" s="27" t="s">
        <v>1129</v>
      </c>
      <c r="D416" s="28">
        <v>146270</v>
      </c>
      <c r="E416" s="29" t="s">
        <v>3130</v>
      </c>
      <c r="F416" s="29" t="s">
        <v>3497</v>
      </c>
      <c r="G416" s="27">
        <v>1</v>
      </c>
      <c r="H416" s="2"/>
      <c r="I416" s="2"/>
      <c r="J416" s="2"/>
      <c r="K416" s="2"/>
      <c r="L416" s="2"/>
      <c r="M416" s="2"/>
      <c r="N416" s="2"/>
      <c r="O416" s="2"/>
      <c r="P416" s="2"/>
      <c r="Q416" s="2"/>
      <c r="R416" s="2"/>
      <c r="S416" s="2"/>
      <c r="T416" s="2"/>
      <c r="U416" s="2"/>
      <c r="V416" s="2"/>
      <c r="W416" s="2"/>
      <c r="X416" s="2"/>
      <c r="Y416" s="2"/>
      <c r="Z416" s="2"/>
      <c r="AA416" s="2"/>
      <c r="AB416" s="2"/>
      <c r="AC416" s="2"/>
      <c r="AD416" s="2"/>
      <c r="AE416" s="2"/>
      <c r="AF416" s="2"/>
      <c r="AG416" s="2"/>
      <c r="AH416" s="2"/>
      <c r="AI416" s="2"/>
      <c r="AJ416" s="2"/>
      <c r="AK416" s="2"/>
      <c r="AL416" s="2"/>
      <c r="AM416" s="2"/>
      <c r="AN416" s="2"/>
      <c r="AO416" s="2"/>
      <c r="AP416" s="2"/>
      <c r="AQ416" s="2"/>
      <c r="AR416" s="2"/>
      <c r="AS416" s="2"/>
      <c r="AT416" s="2"/>
    </row>
    <row r="417" spans="1:46" s="3" customFormat="1" ht="13.5" customHeight="1" x14ac:dyDescent="0.15">
      <c r="A417" s="3">
        <v>416</v>
      </c>
      <c r="B417" s="26" t="s">
        <v>3243</v>
      </c>
      <c r="C417" s="27" t="s">
        <v>3244</v>
      </c>
      <c r="D417" s="28">
        <v>146290</v>
      </c>
      <c r="E417" s="29" t="s">
        <v>3245</v>
      </c>
      <c r="F417" s="29" t="s">
        <v>3246</v>
      </c>
      <c r="G417" s="27">
        <v>8</v>
      </c>
      <c r="H417" s="2"/>
      <c r="I417" s="2"/>
      <c r="J417" s="2"/>
      <c r="K417" s="2"/>
      <c r="L417" s="2"/>
      <c r="M417" s="2"/>
      <c r="N417" s="2"/>
      <c r="O417" s="2"/>
      <c r="P417" s="2"/>
      <c r="Q417" s="2"/>
      <c r="R417" s="2"/>
      <c r="S417" s="2"/>
      <c r="T417" s="2"/>
      <c r="U417" s="2"/>
      <c r="V417" s="2"/>
      <c r="W417" s="2"/>
      <c r="X417" s="2"/>
      <c r="Y417" s="2"/>
      <c r="Z417" s="2"/>
      <c r="AA417" s="2"/>
      <c r="AB417" s="2"/>
      <c r="AC417" s="2"/>
      <c r="AD417" s="2"/>
      <c r="AE417" s="2"/>
      <c r="AF417" s="2"/>
      <c r="AG417" s="2"/>
      <c r="AH417" s="2"/>
      <c r="AI417" s="2"/>
      <c r="AJ417" s="2"/>
      <c r="AK417" s="2"/>
      <c r="AL417" s="2"/>
      <c r="AM417" s="2"/>
      <c r="AN417" s="2"/>
      <c r="AO417" s="2"/>
      <c r="AP417" s="2"/>
      <c r="AQ417" s="2"/>
      <c r="AR417" s="2"/>
      <c r="AS417" s="2"/>
      <c r="AT417" s="2"/>
    </row>
    <row r="418" spans="1:46" s="3" customFormat="1" ht="13.5" customHeight="1" x14ac:dyDescent="0.15">
      <c r="A418" s="3">
        <v>417</v>
      </c>
      <c r="B418" s="30" t="s">
        <v>613</v>
      </c>
      <c r="C418" s="39" t="s">
        <v>1129</v>
      </c>
      <c r="D418" s="33">
        <v>146420</v>
      </c>
      <c r="E418" s="40" t="s">
        <v>3139</v>
      </c>
      <c r="F418" s="29" t="s">
        <v>3166</v>
      </c>
      <c r="G418" s="27">
        <v>6</v>
      </c>
    </row>
    <row r="419" spans="1:46" s="3" customFormat="1" ht="13.5" customHeight="1" x14ac:dyDescent="0.15">
      <c r="A419" s="3">
        <v>418</v>
      </c>
      <c r="B419" s="30" t="s">
        <v>613</v>
      </c>
      <c r="C419" s="39" t="s">
        <v>1129</v>
      </c>
      <c r="D419" s="33">
        <v>146430</v>
      </c>
      <c r="E419" s="40" t="s">
        <v>3140</v>
      </c>
      <c r="F419" s="29" t="s">
        <v>3167</v>
      </c>
      <c r="G419" s="27">
        <v>4</v>
      </c>
    </row>
    <row r="420" spans="1:46" s="3" customFormat="1" ht="13.5" customHeight="1" x14ac:dyDescent="0.15">
      <c r="A420" s="3">
        <v>419</v>
      </c>
      <c r="B420" s="30" t="s">
        <v>613</v>
      </c>
      <c r="C420" s="39" t="s">
        <v>1129</v>
      </c>
      <c r="D420" s="33">
        <v>146440</v>
      </c>
      <c r="E420" s="40" t="s">
        <v>3141</v>
      </c>
      <c r="F420" s="29" t="s">
        <v>3168</v>
      </c>
      <c r="G420" s="27">
        <v>6</v>
      </c>
    </row>
    <row r="421" spans="1:46" s="3" customFormat="1" ht="13.5" customHeight="1" x14ac:dyDescent="0.15">
      <c r="A421" s="3">
        <v>420</v>
      </c>
      <c r="B421" s="26" t="s">
        <v>3185</v>
      </c>
      <c r="C421" s="39" t="s">
        <v>3186</v>
      </c>
      <c r="D421" s="33">
        <v>146620</v>
      </c>
      <c r="E421" s="29" t="s">
        <v>3187</v>
      </c>
      <c r="F421" s="29" t="s">
        <v>3188</v>
      </c>
      <c r="G421" s="27">
        <v>6</v>
      </c>
    </row>
    <row r="422" spans="1:46" s="3" customFormat="1" ht="13.5" customHeight="1" x14ac:dyDescent="0.15">
      <c r="A422" s="3">
        <v>421</v>
      </c>
      <c r="B422" s="26" t="s">
        <v>549</v>
      </c>
      <c r="C422" s="39" t="s">
        <v>1129</v>
      </c>
      <c r="D422" s="28">
        <v>146640</v>
      </c>
      <c r="E422" s="29" t="s">
        <v>3349</v>
      </c>
      <c r="F422" s="29" t="s">
        <v>3192</v>
      </c>
      <c r="G422" s="27">
        <v>6</v>
      </c>
      <c r="H422" s="2"/>
      <c r="I422" s="2"/>
      <c r="J422" s="2"/>
      <c r="K422" s="2"/>
      <c r="L422" s="2"/>
      <c r="M422" s="2"/>
      <c r="N422" s="2"/>
      <c r="O422" s="2"/>
      <c r="P422" s="2"/>
      <c r="Q422" s="2"/>
      <c r="R422" s="2"/>
      <c r="S422" s="2"/>
      <c r="T422" s="2"/>
      <c r="U422" s="2"/>
      <c r="V422" s="2"/>
      <c r="W422" s="2"/>
      <c r="X422" s="2"/>
      <c r="Y422" s="2"/>
      <c r="Z422" s="2"/>
      <c r="AA422" s="2"/>
      <c r="AB422" s="2"/>
      <c r="AC422" s="2"/>
      <c r="AD422" s="2"/>
      <c r="AE422" s="2"/>
      <c r="AF422" s="2"/>
      <c r="AG422" s="2"/>
      <c r="AH422" s="2"/>
      <c r="AI422" s="2"/>
      <c r="AJ422" s="2"/>
      <c r="AK422" s="2"/>
      <c r="AL422" s="2"/>
      <c r="AM422" s="2"/>
      <c r="AN422" s="2"/>
      <c r="AO422" s="2"/>
      <c r="AP422" s="2"/>
      <c r="AQ422" s="2"/>
      <c r="AR422" s="2"/>
      <c r="AS422" s="2"/>
      <c r="AT422" s="2"/>
    </row>
    <row r="423" spans="1:46" s="3" customFormat="1" ht="13.5" customHeight="1" x14ac:dyDescent="0.15">
      <c r="A423" s="3">
        <v>422</v>
      </c>
      <c r="B423" s="30" t="s">
        <v>613</v>
      </c>
      <c r="C423" s="27" t="s">
        <v>3260</v>
      </c>
      <c r="D423" s="28">
        <v>146740</v>
      </c>
      <c r="E423" s="29" t="s">
        <v>3283</v>
      </c>
      <c r="F423" s="53" t="s">
        <v>3284</v>
      </c>
      <c r="G423" s="27">
        <v>9</v>
      </c>
      <c r="H423" s="2"/>
      <c r="I423" s="2"/>
      <c r="J423" s="2"/>
      <c r="K423" s="2"/>
      <c r="L423" s="2"/>
      <c r="M423" s="2"/>
      <c r="N423" s="2"/>
      <c r="O423" s="2"/>
      <c r="P423" s="2"/>
      <c r="Q423" s="2"/>
      <c r="R423" s="2"/>
      <c r="S423" s="2"/>
      <c r="T423" s="2"/>
      <c r="U423" s="2"/>
      <c r="V423" s="2"/>
      <c r="W423" s="2"/>
      <c r="X423" s="2"/>
      <c r="Y423" s="2"/>
      <c r="Z423" s="2"/>
      <c r="AA423" s="2"/>
      <c r="AB423" s="2"/>
      <c r="AC423" s="2"/>
      <c r="AD423" s="2"/>
      <c r="AE423" s="2"/>
      <c r="AF423" s="2"/>
      <c r="AG423" s="2"/>
      <c r="AH423" s="2"/>
      <c r="AI423" s="2"/>
      <c r="AJ423" s="2"/>
      <c r="AK423" s="2"/>
      <c r="AL423" s="2"/>
      <c r="AM423" s="2"/>
      <c r="AN423" s="2"/>
      <c r="AO423" s="2"/>
      <c r="AP423" s="2"/>
      <c r="AQ423" s="2"/>
      <c r="AR423" s="2"/>
      <c r="AS423" s="2"/>
      <c r="AT423" s="2"/>
    </row>
    <row r="424" spans="1:46" s="3" customFormat="1" ht="13.5" customHeight="1" x14ac:dyDescent="0.15">
      <c r="A424" s="3">
        <v>423</v>
      </c>
      <c r="B424" s="30" t="s">
        <v>613</v>
      </c>
      <c r="C424" s="27" t="s">
        <v>3260</v>
      </c>
      <c r="D424" s="28">
        <v>146750</v>
      </c>
      <c r="E424" s="29" t="s">
        <v>3285</v>
      </c>
      <c r="F424" s="53" t="s">
        <v>3286</v>
      </c>
      <c r="G424" s="27">
        <v>5</v>
      </c>
      <c r="H424" s="2"/>
      <c r="I424" s="2"/>
      <c r="J424" s="2"/>
      <c r="K424" s="2"/>
      <c r="L424" s="2"/>
      <c r="M424" s="2"/>
      <c r="N424" s="2"/>
      <c r="O424" s="2"/>
      <c r="P424" s="2"/>
      <c r="Q424" s="2"/>
      <c r="R424" s="2"/>
      <c r="S424" s="2"/>
      <c r="T424" s="2"/>
      <c r="U424" s="2"/>
      <c r="V424" s="2"/>
      <c r="W424" s="2"/>
      <c r="X424" s="2"/>
      <c r="Y424" s="2"/>
      <c r="Z424" s="2"/>
      <c r="AA424" s="2"/>
      <c r="AB424" s="2"/>
      <c r="AC424" s="2"/>
      <c r="AD424" s="2"/>
      <c r="AE424" s="2"/>
      <c r="AF424" s="2"/>
      <c r="AG424" s="2"/>
      <c r="AH424" s="2"/>
      <c r="AI424" s="2"/>
      <c r="AJ424" s="2"/>
      <c r="AK424" s="2"/>
      <c r="AL424" s="2"/>
      <c r="AM424" s="2"/>
      <c r="AN424" s="2"/>
      <c r="AO424" s="2"/>
      <c r="AP424" s="2"/>
      <c r="AQ424" s="2"/>
      <c r="AR424" s="2"/>
      <c r="AS424" s="2"/>
      <c r="AT424" s="2"/>
    </row>
    <row r="425" spans="1:46" s="3" customFormat="1" ht="13.5" customHeight="1" x14ac:dyDescent="0.15">
      <c r="A425" s="3">
        <v>424</v>
      </c>
      <c r="B425" s="30" t="s">
        <v>613</v>
      </c>
      <c r="C425" s="39" t="s">
        <v>3261</v>
      </c>
      <c r="D425" s="28">
        <v>146760</v>
      </c>
      <c r="E425" s="29" t="s">
        <v>3287</v>
      </c>
      <c r="F425" s="53" t="s">
        <v>3288</v>
      </c>
      <c r="G425" s="27">
        <v>6</v>
      </c>
      <c r="H425" s="2"/>
      <c r="I425" s="2"/>
      <c r="J425" s="2"/>
      <c r="K425" s="2"/>
      <c r="L425" s="2"/>
      <c r="M425" s="2"/>
      <c r="N425" s="2"/>
      <c r="O425" s="2"/>
      <c r="P425" s="2"/>
      <c r="Q425" s="2"/>
      <c r="R425" s="2"/>
      <c r="S425" s="2"/>
      <c r="T425" s="2"/>
      <c r="U425" s="2"/>
      <c r="V425" s="2"/>
      <c r="W425" s="2"/>
      <c r="X425" s="2"/>
      <c r="Y425" s="2"/>
      <c r="Z425" s="2"/>
      <c r="AA425" s="2"/>
      <c r="AB425" s="2"/>
      <c r="AC425" s="2"/>
      <c r="AD425" s="2"/>
      <c r="AE425" s="2"/>
      <c r="AF425" s="2"/>
      <c r="AG425" s="2"/>
      <c r="AH425" s="2"/>
      <c r="AI425" s="2"/>
      <c r="AJ425" s="2"/>
      <c r="AK425" s="2"/>
      <c r="AL425" s="2"/>
      <c r="AM425" s="2"/>
      <c r="AN425" s="2"/>
      <c r="AO425" s="2"/>
      <c r="AP425" s="2"/>
      <c r="AQ425" s="2"/>
      <c r="AR425" s="2"/>
      <c r="AS425" s="2"/>
      <c r="AT425" s="2"/>
    </row>
    <row r="426" spans="1:46" s="3" customFormat="1" ht="13.5" customHeight="1" x14ac:dyDescent="0.15">
      <c r="A426" s="3">
        <v>425</v>
      </c>
      <c r="B426" s="30" t="s">
        <v>613</v>
      </c>
      <c r="C426" s="27" t="s">
        <v>3260</v>
      </c>
      <c r="D426" s="28">
        <v>146770</v>
      </c>
      <c r="E426" s="29" t="s">
        <v>3289</v>
      </c>
      <c r="F426" s="53" t="s">
        <v>3290</v>
      </c>
      <c r="G426" s="27">
        <v>7</v>
      </c>
      <c r="H426" s="2"/>
      <c r="I426" s="2"/>
      <c r="J426" s="2"/>
      <c r="K426" s="2"/>
      <c r="L426" s="2"/>
      <c r="M426" s="2"/>
      <c r="N426" s="2"/>
      <c r="O426" s="2"/>
      <c r="P426" s="2"/>
      <c r="Q426" s="2"/>
      <c r="R426" s="2"/>
      <c r="S426" s="2"/>
      <c r="T426" s="2"/>
      <c r="U426" s="2"/>
      <c r="V426" s="2"/>
      <c r="W426" s="2"/>
      <c r="X426" s="2"/>
      <c r="Y426" s="2"/>
      <c r="Z426" s="2"/>
      <c r="AA426" s="2"/>
      <c r="AB426" s="2"/>
      <c r="AC426" s="2"/>
      <c r="AD426" s="2"/>
      <c r="AE426" s="2"/>
      <c r="AF426" s="2"/>
      <c r="AG426" s="2"/>
      <c r="AH426" s="2"/>
      <c r="AI426" s="2"/>
      <c r="AJ426" s="2"/>
      <c r="AK426" s="2"/>
      <c r="AL426" s="2"/>
      <c r="AM426" s="2"/>
      <c r="AN426" s="2"/>
      <c r="AO426" s="2"/>
      <c r="AP426" s="2"/>
      <c r="AQ426" s="2"/>
      <c r="AR426" s="2"/>
      <c r="AS426" s="2"/>
      <c r="AT426" s="2"/>
    </row>
    <row r="427" spans="1:46" s="3" customFormat="1" ht="13.5" customHeight="1" x14ac:dyDescent="0.15">
      <c r="A427" s="3">
        <v>426</v>
      </c>
      <c r="B427" s="30" t="s">
        <v>613</v>
      </c>
      <c r="C427" s="27" t="s">
        <v>3358</v>
      </c>
      <c r="D427" s="28">
        <v>147040</v>
      </c>
      <c r="E427" s="29" t="s">
        <v>3359</v>
      </c>
      <c r="F427" s="29" t="s">
        <v>3360</v>
      </c>
      <c r="G427" s="27">
        <v>12</v>
      </c>
      <c r="H427" s="2"/>
      <c r="I427" s="2"/>
      <c r="J427" s="2"/>
      <c r="K427" s="2"/>
      <c r="L427" s="2"/>
      <c r="M427" s="2"/>
      <c r="N427" s="2"/>
      <c r="O427" s="2"/>
      <c r="P427" s="2"/>
      <c r="Q427" s="2"/>
      <c r="R427" s="2"/>
      <c r="S427" s="2"/>
      <c r="T427" s="2"/>
      <c r="U427" s="2"/>
      <c r="V427" s="2"/>
      <c r="W427" s="2"/>
      <c r="X427" s="2"/>
      <c r="Y427" s="2"/>
      <c r="Z427" s="2"/>
      <c r="AA427" s="2"/>
      <c r="AB427" s="2"/>
      <c r="AC427" s="2"/>
      <c r="AD427" s="2"/>
      <c r="AE427" s="2"/>
      <c r="AF427" s="2"/>
      <c r="AG427" s="2"/>
      <c r="AH427" s="2"/>
      <c r="AI427" s="2"/>
      <c r="AJ427" s="2"/>
      <c r="AK427" s="2"/>
      <c r="AL427" s="2"/>
      <c r="AM427" s="2"/>
      <c r="AN427" s="2"/>
      <c r="AO427" s="2"/>
      <c r="AP427" s="2"/>
      <c r="AQ427" s="2"/>
      <c r="AR427" s="2"/>
      <c r="AS427" s="2"/>
      <c r="AT427" s="2"/>
    </row>
    <row r="428" spans="1:46" s="3" customFormat="1" ht="13.5" customHeight="1" x14ac:dyDescent="0.15">
      <c r="A428" s="3">
        <v>427</v>
      </c>
      <c r="B428" s="30" t="s">
        <v>613</v>
      </c>
      <c r="C428" s="27" t="s">
        <v>3412</v>
      </c>
      <c r="D428" s="28">
        <v>147090</v>
      </c>
      <c r="E428" s="29" t="s">
        <v>3370</v>
      </c>
      <c r="F428" s="29" t="s">
        <v>3391</v>
      </c>
      <c r="G428" s="27">
        <v>7</v>
      </c>
      <c r="H428" s="2"/>
      <c r="I428" s="2"/>
      <c r="J428" s="2"/>
      <c r="K428" s="2"/>
      <c r="L428" s="2"/>
      <c r="M428" s="2"/>
      <c r="N428" s="2"/>
      <c r="O428" s="2"/>
      <c r="P428" s="2"/>
      <c r="Q428" s="2"/>
      <c r="R428" s="2"/>
      <c r="S428" s="2"/>
      <c r="T428" s="2"/>
      <c r="U428" s="2"/>
      <c r="V428" s="2"/>
      <c r="W428" s="2"/>
      <c r="X428" s="2"/>
      <c r="Y428" s="2"/>
      <c r="Z428" s="2"/>
      <c r="AA428" s="2"/>
      <c r="AB428" s="2"/>
      <c r="AC428" s="2"/>
      <c r="AD428" s="2"/>
      <c r="AE428" s="2"/>
      <c r="AF428" s="2"/>
      <c r="AG428" s="2"/>
      <c r="AH428" s="2"/>
      <c r="AI428" s="2"/>
      <c r="AJ428" s="2"/>
      <c r="AK428" s="2"/>
      <c r="AL428" s="2"/>
      <c r="AM428" s="2"/>
      <c r="AN428" s="2"/>
      <c r="AO428" s="2"/>
      <c r="AP428" s="2"/>
      <c r="AQ428" s="2"/>
      <c r="AR428" s="2"/>
      <c r="AS428" s="2"/>
      <c r="AT428" s="2"/>
    </row>
    <row r="429" spans="1:46" s="3" customFormat="1" ht="13.5" customHeight="1" x14ac:dyDescent="0.15">
      <c r="A429" s="3">
        <v>428</v>
      </c>
      <c r="B429" s="30" t="s">
        <v>613</v>
      </c>
      <c r="C429" s="27" t="s">
        <v>3412</v>
      </c>
      <c r="D429" s="28">
        <v>147130</v>
      </c>
      <c r="E429" s="29" t="s">
        <v>3374</v>
      </c>
      <c r="F429" s="29" t="s">
        <v>3395</v>
      </c>
      <c r="G429" s="27">
        <v>5</v>
      </c>
      <c r="H429" s="2"/>
      <c r="I429" s="2"/>
      <c r="J429" s="2"/>
      <c r="K429" s="2"/>
      <c r="L429" s="2"/>
      <c r="M429" s="2"/>
      <c r="N429" s="2"/>
      <c r="O429" s="2"/>
      <c r="P429" s="2"/>
      <c r="Q429" s="2"/>
      <c r="R429" s="2"/>
      <c r="S429" s="2"/>
      <c r="T429" s="2"/>
      <c r="U429" s="2"/>
      <c r="V429" s="2"/>
      <c r="W429" s="2"/>
      <c r="X429" s="2"/>
      <c r="Y429" s="2"/>
      <c r="Z429" s="2"/>
      <c r="AA429" s="2"/>
      <c r="AB429" s="2"/>
      <c r="AC429" s="2"/>
      <c r="AD429" s="2"/>
      <c r="AE429" s="2"/>
      <c r="AF429" s="2"/>
      <c r="AG429" s="2"/>
      <c r="AH429" s="2"/>
      <c r="AI429" s="2"/>
      <c r="AJ429" s="2"/>
      <c r="AK429" s="2"/>
      <c r="AL429" s="2"/>
      <c r="AM429" s="2"/>
      <c r="AN429" s="2"/>
      <c r="AO429" s="2"/>
      <c r="AP429" s="2"/>
      <c r="AQ429" s="2"/>
      <c r="AR429" s="2"/>
      <c r="AS429" s="2"/>
      <c r="AT429" s="2"/>
    </row>
    <row r="430" spans="1:46" s="3" customFormat="1" ht="13.5" customHeight="1" x14ac:dyDescent="0.15">
      <c r="A430" s="3">
        <v>429</v>
      </c>
      <c r="B430" s="30" t="s">
        <v>613</v>
      </c>
      <c r="C430" s="27" t="s">
        <v>1129</v>
      </c>
      <c r="D430" s="28">
        <v>147230</v>
      </c>
      <c r="E430" s="29" t="s">
        <v>3384</v>
      </c>
      <c r="F430" s="29" t="s">
        <v>3405</v>
      </c>
      <c r="G430" s="27">
        <v>12</v>
      </c>
      <c r="H430" s="2"/>
      <c r="I430" s="2"/>
      <c r="J430" s="2"/>
      <c r="K430" s="2"/>
      <c r="L430" s="2"/>
      <c r="M430" s="2"/>
      <c r="N430" s="2"/>
      <c r="O430" s="2"/>
      <c r="P430" s="2"/>
      <c r="Q430" s="2"/>
      <c r="R430" s="2"/>
      <c r="S430" s="2"/>
      <c r="T430" s="2"/>
      <c r="U430" s="2"/>
      <c r="V430" s="2"/>
      <c r="W430" s="2"/>
      <c r="X430" s="2"/>
      <c r="Y430" s="2"/>
      <c r="Z430" s="2"/>
      <c r="AA430" s="2"/>
      <c r="AB430" s="2"/>
      <c r="AC430" s="2"/>
      <c r="AD430" s="2"/>
      <c r="AE430" s="2"/>
      <c r="AF430" s="2"/>
      <c r="AG430" s="2"/>
      <c r="AH430" s="2"/>
      <c r="AI430" s="2"/>
      <c r="AJ430" s="2"/>
      <c r="AK430" s="2"/>
      <c r="AL430" s="2"/>
      <c r="AM430" s="2"/>
      <c r="AN430" s="2"/>
      <c r="AO430" s="2"/>
      <c r="AP430" s="2"/>
      <c r="AQ430" s="2"/>
      <c r="AR430" s="2"/>
      <c r="AS430" s="2"/>
      <c r="AT430" s="2"/>
    </row>
    <row r="431" spans="1:46" s="3" customFormat="1" ht="13.5" customHeight="1" x14ac:dyDescent="0.15">
      <c r="A431" s="3">
        <v>430</v>
      </c>
      <c r="B431" s="30" t="s">
        <v>613</v>
      </c>
      <c r="C431" s="27" t="s">
        <v>3457</v>
      </c>
      <c r="D431" s="28">
        <v>147290</v>
      </c>
      <c r="E431" s="29" t="s">
        <v>3452</v>
      </c>
      <c r="F431" s="29" t="s">
        <v>3456</v>
      </c>
      <c r="G431" s="27">
        <v>2</v>
      </c>
      <c r="H431" s="2"/>
      <c r="I431" s="2"/>
      <c r="J431" s="2"/>
      <c r="K431" s="2"/>
      <c r="L431" s="2"/>
      <c r="M431" s="2"/>
      <c r="N431" s="2"/>
      <c r="O431" s="2"/>
      <c r="P431" s="2"/>
      <c r="Q431" s="2"/>
      <c r="R431" s="2"/>
      <c r="S431" s="2"/>
      <c r="T431" s="2"/>
      <c r="U431" s="2"/>
      <c r="V431" s="2"/>
      <c r="W431" s="2"/>
      <c r="X431" s="2"/>
      <c r="Y431" s="2"/>
      <c r="Z431" s="2"/>
      <c r="AA431" s="2"/>
      <c r="AB431" s="2"/>
      <c r="AC431" s="2"/>
      <c r="AD431" s="2"/>
      <c r="AE431" s="2"/>
      <c r="AF431" s="2"/>
      <c r="AG431" s="2"/>
      <c r="AH431" s="2"/>
      <c r="AI431" s="2"/>
      <c r="AJ431" s="2"/>
      <c r="AK431" s="2"/>
      <c r="AL431" s="2"/>
      <c r="AM431" s="2"/>
      <c r="AN431" s="2"/>
      <c r="AO431" s="2"/>
      <c r="AP431" s="2"/>
      <c r="AQ431" s="2"/>
      <c r="AR431" s="2"/>
      <c r="AS431" s="2"/>
      <c r="AT431" s="2"/>
    </row>
    <row r="432" spans="1:46" s="3" customFormat="1" ht="13.5" customHeight="1" x14ac:dyDescent="0.15">
      <c r="A432" s="3">
        <v>431</v>
      </c>
      <c r="B432" s="30" t="s">
        <v>613</v>
      </c>
      <c r="C432" s="27" t="s">
        <v>3457</v>
      </c>
      <c r="D432" s="28">
        <v>147410</v>
      </c>
      <c r="E432" s="29" t="s">
        <v>3446</v>
      </c>
      <c r="F432" s="29" t="s">
        <v>3477</v>
      </c>
      <c r="G432" s="27">
        <v>8</v>
      </c>
      <c r="H432" s="2"/>
      <c r="I432" s="2"/>
      <c r="J432" s="2"/>
      <c r="K432" s="2"/>
      <c r="L432" s="2"/>
      <c r="M432" s="2"/>
      <c r="N432" s="2"/>
      <c r="O432" s="2"/>
      <c r="P432" s="2"/>
      <c r="Q432" s="2"/>
      <c r="R432" s="2"/>
      <c r="S432" s="2"/>
      <c r="T432" s="2"/>
      <c r="U432" s="2"/>
      <c r="V432" s="2"/>
      <c r="W432" s="2"/>
      <c r="X432" s="2"/>
      <c r="Y432" s="2"/>
      <c r="Z432" s="2"/>
      <c r="AA432" s="2"/>
      <c r="AB432" s="2"/>
      <c r="AC432" s="2"/>
      <c r="AD432" s="2"/>
      <c r="AE432" s="2"/>
      <c r="AF432" s="2"/>
      <c r="AG432" s="2"/>
      <c r="AH432" s="2"/>
      <c r="AI432" s="2"/>
      <c r="AJ432" s="2"/>
      <c r="AK432" s="2"/>
      <c r="AL432" s="2"/>
      <c r="AM432" s="2"/>
      <c r="AN432" s="2"/>
      <c r="AO432" s="2"/>
      <c r="AP432" s="2"/>
      <c r="AQ432" s="2"/>
      <c r="AR432" s="2"/>
      <c r="AS432" s="2"/>
      <c r="AT432" s="2"/>
    </row>
    <row r="433" spans="1:46" s="3" customFormat="1" ht="13.5" customHeight="1" x14ac:dyDescent="0.15">
      <c r="A433" s="3">
        <v>432</v>
      </c>
      <c r="B433" s="30" t="s">
        <v>613</v>
      </c>
      <c r="C433" s="27" t="s">
        <v>3457</v>
      </c>
      <c r="D433" s="28">
        <v>147440</v>
      </c>
      <c r="E433" s="29" t="s">
        <v>3449</v>
      </c>
      <c r="F433" s="29" t="s">
        <v>3480</v>
      </c>
      <c r="G433" s="27">
        <v>1</v>
      </c>
      <c r="H433" s="2"/>
      <c r="I433" s="2"/>
      <c r="J433" s="2"/>
      <c r="K433" s="2"/>
      <c r="L433" s="2"/>
      <c r="M433" s="2"/>
      <c r="N433" s="2"/>
      <c r="O433" s="2"/>
      <c r="P433" s="2"/>
      <c r="Q433" s="2"/>
      <c r="R433" s="2"/>
      <c r="S433" s="2"/>
      <c r="T433" s="2"/>
      <c r="U433" s="2"/>
      <c r="V433" s="2"/>
      <c r="W433" s="2"/>
      <c r="X433" s="2"/>
      <c r="Y433" s="2"/>
      <c r="Z433" s="2"/>
      <c r="AA433" s="2"/>
      <c r="AB433" s="2"/>
      <c r="AC433" s="2"/>
      <c r="AD433" s="2"/>
      <c r="AE433" s="2"/>
      <c r="AF433" s="2"/>
      <c r="AG433" s="2"/>
      <c r="AH433" s="2"/>
      <c r="AI433" s="2"/>
      <c r="AJ433" s="2"/>
      <c r="AK433" s="2"/>
      <c r="AL433" s="2"/>
      <c r="AM433" s="2"/>
      <c r="AN433" s="2"/>
      <c r="AO433" s="2"/>
      <c r="AP433" s="2"/>
      <c r="AQ433" s="2"/>
      <c r="AR433" s="2"/>
      <c r="AS433" s="2"/>
      <c r="AT433" s="2"/>
    </row>
    <row r="434" spans="1:46" s="3" customFormat="1" ht="13.5" customHeight="1" x14ac:dyDescent="0.15">
      <c r="A434" s="3">
        <v>433</v>
      </c>
      <c r="B434" s="30" t="s">
        <v>613</v>
      </c>
      <c r="C434" s="27" t="s">
        <v>3485</v>
      </c>
      <c r="D434" s="28">
        <v>147480</v>
      </c>
      <c r="E434" s="29" t="s">
        <v>3484</v>
      </c>
      <c r="F434" s="29" t="s">
        <v>3486</v>
      </c>
      <c r="G434" s="27">
        <v>3</v>
      </c>
      <c r="H434" s="2"/>
      <c r="I434" s="2"/>
      <c r="J434" s="2"/>
      <c r="K434" s="2"/>
      <c r="L434" s="2"/>
      <c r="M434" s="2"/>
      <c r="N434" s="2"/>
      <c r="O434" s="2"/>
      <c r="P434" s="2"/>
      <c r="Q434" s="2"/>
      <c r="R434" s="2"/>
      <c r="S434" s="2"/>
      <c r="T434" s="2"/>
      <c r="U434" s="2"/>
      <c r="V434" s="2"/>
      <c r="W434" s="2"/>
      <c r="X434" s="2"/>
      <c r="Y434" s="2"/>
      <c r="Z434" s="2"/>
      <c r="AA434" s="2"/>
      <c r="AB434" s="2"/>
      <c r="AC434" s="2"/>
      <c r="AD434" s="2"/>
      <c r="AE434" s="2"/>
      <c r="AF434" s="2"/>
      <c r="AG434" s="2"/>
      <c r="AH434" s="2"/>
      <c r="AI434" s="2"/>
      <c r="AJ434" s="2"/>
      <c r="AK434" s="2"/>
      <c r="AL434" s="2"/>
      <c r="AM434" s="2"/>
      <c r="AN434" s="2"/>
      <c r="AO434" s="2"/>
      <c r="AP434" s="2"/>
      <c r="AQ434" s="2"/>
      <c r="AR434" s="2"/>
      <c r="AS434" s="2"/>
      <c r="AT434" s="2"/>
    </row>
    <row r="435" spans="1:46" s="3" customFormat="1" ht="13.5" customHeight="1" x14ac:dyDescent="0.15">
      <c r="A435" s="3">
        <v>434</v>
      </c>
      <c r="B435" s="30" t="s">
        <v>613</v>
      </c>
      <c r="C435" s="27" t="s">
        <v>3560</v>
      </c>
      <c r="D435" s="28">
        <v>147570</v>
      </c>
      <c r="E435" s="42" t="s">
        <v>3510</v>
      </c>
      <c r="F435" s="29" t="s">
        <v>3532</v>
      </c>
      <c r="G435" s="27">
        <v>8</v>
      </c>
      <c r="H435" s="2"/>
      <c r="I435" s="2"/>
      <c r="J435" s="2"/>
      <c r="K435" s="2"/>
      <c r="L435" s="2"/>
      <c r="M435" s="2"/>
      <c r="N435" s="2"/>
      <c r="O435" s="2"/>
      <c r="P435" s="2"/>
      <c r="Q435" s="2"/>
      <c r="R435" s="2"/>
      <c r="S435" s="2"/>
      <c r="T435" s="2"/>
      <c r="U435" s="2"/>
      <c r="V435" s="2"/>
      <c r="W435" s="2"/>
      <c r="X435" s="2"/>
      <c r="Y435" s="2"/>
      <c r="Z435" s="2"/>
      <c r="AA435" s="2"/>
      <c r="AB435" s="2"/>
      <c r="AC435" s="2"/>
      <c r="AD435" s="2"/>
      <c r="AE435" s="2"/>
      <c r="AF435" s="2"/>
      <c r="AG435" s="2"/>
      <c r="AH435" s="2"/>
      <c r="AI435" s="2"/>
      <c r="AJ435" s="2"/>
      <c r="AK435" s="2"/>
      <c r="AL435" s="2"/>
      <c r="AM435" s="2"/>
      <c r="AN435" s="2"/>
      <c r="AO435" s="2"/>
      <c r="AP435" s="2"/>
      <c r="AQ435" s="2"/>
      <c r="AR435" s="2"/>
      <c r="AS435" s="2"/>
      <c r="AT435" s="2"/>
    </row>
    <row r="436" spans="1:46" s="3" customFormat="1" ht="13.5" customHeight="1" x14ac:dyDescent="0.15">
      <c r="A436" s="3">
        <v>435</v>
      </c>
      <c r="B436" s="30" t="s">
        <v>613</v>
      </c>
      <c r="C436" s="27" t="s">
        <v>3560</v>
      </c>
      <c r="D436" s="28">
        <v>147700</v>
      </c>
      <c r="E436" s="42" t="s">
        <v>3523</v>
      </c>
      <c r="F436" s="29" t="s">
        <v>3541</v>
      </c>
      <c r="G436" s="27">
        <v>12</v>
      </c>
      <c r="H436" s="2"/>
      <c r="I436" s="2"/>
      <c r="J436" s="2"/>
      <c r="K436" s="2"/>
      <c r="L436" s="2"/>
      <c r="M436" s="2"/>
      <c r="N436" s="2"/>
      <c r="O436" s="2"/>
      <c r="P436" s="2"/>
      <c r="Q436" s="2"/>
      <c r="R436" s="2"/>
      <c r="S436" s="2"/>
      <c r="T436" s="2"/>
      <c r="U436" s="2"/>
      <c r="V436" s="2"/>
      <c r="W436" s="2"/>
      <c r="X436" s="2"/>
      <c r="Y436" s="2"/>
      <c r="Z436" s="2"/>
      <c r="AA436" s="2"/>
      <c r="AB436" s="2"/>
      <c r="AC436" s="2"/>
      <c r="AD436" s="2"/>
      <c r="AE436" s="2"/>
      <c r="AF436" s="2"/>
      <c r="AG436" s="2"/>
      <c r="AH436" s="2"/>
      <c r="AI436" s="2"/>
      <c r="AJ436" s="2"/>
      <c r="AK436" s="2"/>
      <c r="AL436" s="2"/>
      <c r="AM436" s="2"/>
      <c r="AN436" s="2"/>
      <c r="AO436" s="2"/>
      <c r="AP436" s="2"/>
      <c r="AQ436" s="2"/>
      <c r="AR436" s="2"/>
      <c r="AS436" s="2"/>
      <c r="AT436" s="2"/>
    </row>
    <row r="437" spans="1:46" s="3" customFormat="1" ht="13.5" customHeight="1" x14ac:dyDescent="0.15">
      <c r="A437" s="3">
        <v>436</v>
      </c>
      <c r="B437" s="26" t="s">
        <v>1051</v>
      </c>
      <c r="C437" s="27" t="s">
        <v>1986</v>
      </c>
      <c r="D437" s="28">
        <v>161</v>
      </c>
      <c r="E437" s="29" t="s">
        <v>354</v>
      </c>
      <c r="F437" s="29" t="s">
        <v>999</v>
      </c>
      <c r="G437" s="27">
        <v>3</v>
      </c>
      <c r="H437" s="2"/>
      <c r="I437" s="2"/>
      <c r="J437" s="2"/>
      <c r="K437" s="2"/>
      <c r="L437" s="2"/>
      <c r="M437" s="2"/>
      <c r="N437" s="2"/>
      <c r="O437" s="2"/>
      <c r="P437" s="2"/>
      <c r="Q437" s="2"/>
      <c r="R437" s="2"/>
      <c r="S437" s="2"/>
      <c r="T437" s="2"/>
      <c r="U437" s="2"/>
      <c r="V437" s="2"/>
      <c r="W437" s="2"/>
      <c r="X437" s="2"/>
      <c r="Y437" s="2"/>
      <c r="Z437" s="2"/>
      <c r="AA437" s="2"/>
      <c r="AB437" s="2"/>
      <c r="AC437" s="2"/>
      <c r="AD437" s="2"/>
      <c r="AE437" s="2"/>
      <c r="AF437" s="2"/>
      <c r="AG437" s="2"/>
      <c r="AH437" s="2"/>
      <c r="AI437" s="2"/>
      <c r="AJ437" s="2"/>
      <c r="AK437" s="2"/>
      <c r="AL437" s="2"/>
      <c r="AM437" s="2"/>
      <c r="AN437" s="2"/>
      <c r="AO437" s="2"/>
      <c r="AP437" s="2"/>
      <c r="AQ437" s="2"/>
      <c r="AR437" s="2"/>
      <c r="AS437" s="2"/>
      <c r="AT437" s="2"/>
    </row>
    <row r="438" spans="1:46" s="3" customFormat="1" ht="13.5" customHeight="1" x14ac:dyDescent="0.15">
      <c r="A438" s="3">
        <v>437</v>
      </c>
      <c r="B438" s="26" t="s">
        <v>1051</v>
      </c>
      <c r="C438" s="27" t="s">
        <v>1986</v>
      </c>
      <c r="D438" s="28">
        <v>181</v>
      </c>
      <c r="E438" s="29" t="s">
        <v>1214</v>
      </c>
      <c r="F438" s="29" t="s">
        <v>3575</v>
      </c>
      <c r="G438" s="27">
        <v>3</v>
      </c>
      <c r="H438" s="2"/>
      <c r="I438" s="2"/>
      <c r="J438" s="2"/>
      <c r="K438" s="2"/>
      <c r="L438" s="2"/>
      <c r="M438" s="2"/>
      <c r="N438" s="2"/>
      <c r="O438" s="2"/>
      <c r="P438" s="2"/>
      <c r="Q438" s="2"/>
      <c r="R438" s="2"/>
      <c r="S438" s="2"/>
      <c r="T438" s="2"/>
      <c r="U438" s="2"/>
      <c r="V438" s="2"/>
      <c r="W438" s="2"/>
      <c r="X438" s="2"/>
      <c r="Y438" s="2"/>
      <c r="Z438" s="2"/>
      <c r="AA438" s="2"/>
      <c r="AB438" s="2"/>
      <c r="AC438" s="2"/>
      <c r="AD438" s="2"/>
      <c r="AE438" s="2"/>
      <c r="AF438" s="2"/>
      <c r="AG438" s="2"/>
      <c r="AH438" s="2"/>
      <c r="AI438" s="2"/>
      <c r="AJ438" s="2"/>
      <c r="AK438" s="2"/>
      <c r="AL438" s="2"/>
      <c r="AM438" s="2"/>
      <c r="AN438" s="2"/>
      <c r="AO438" s="2"/>
      <c r="AP438" s="2"/>
      <c r="AQ438" s="2"/>
      <c r="AR438" s="2"/>
      <c r="AS438" s="2"/>
      <c r="AT438" s="2"/>
    </row>
    <row r="439" spans="1:46" s="3" customFormat="1" ht="13.5" customHeight="1" x14ac:dyDescent="0.15">
      <c r="A439" s="3">
        <v>438</v>
      </c>
      <c r="B439" s="26" t="s">
        <v>1051</v>
      </c>
      <c r="C439" s="27" t="s">
        <v>1986</v>
      </c>
      <c r="D439" s="28">
        <v>191</v>
      </c>
      <c r="E439" s="29" t="s">
        <v>2343</v>
      </c>
      <c r="F439" s="29" t="s">
        <v>2299</v>
      </c>
      <c r="G439" s="27">
        <v>3</v>
      </c>
      <c r="H439" s="2"/>
      <c r="I439" s="2"/>
      <c r="J439" s="2"/>
      <c r="K439" s="2"/>
      <c r="L439" s="2"/>
      <c r="M439" s="2"/>
      <c r="N439" s="2"/>
      <c r="O439" s="2"/>
      <c r="P439" s="2"/>
      <c r="Q439" s="2"/>
      <c r="R439" s="2"/>
      <c r="S439" s="2"/>
      <c r="T439" s="2"/>
      <c r="U439" s="2"/>
      <c r="V439" s="2"/>
      <c r="W439" s="2"/>
      <c r="X439" s="2"/>
      <c r="Y439" s="2"/>
      <c r="Z439" s="2"/>
      <c r="AA439" s="2"/>
      <c r="AB439" s="2"/>
      <c r="AC439" s="2"/>
      <c r="AD439" s="2"/>
      <c r="AE439" s="2"/>
      <c r="AF439" s="2"/>
      <c r="AG439" s="2"/>
      <c r="AH439" s="2"/>
      <c r="AI439" s="2"/>
      <c r="AJ439" s="2"/>
      <c r="AK439" s="2"/>
      <c r="AL439" s="2"/>
      <c r="AM439" s="2"/>
      <c r="AN439" s="2"/>
      <c r="AO439" s="2"/>
      <c r="AP439" s="2"/>
      <c r="AQ439" s="2"/>
      <c r="AR439" s="2"/>
      <c r="AS439" s="2"/>
      <c r="AT439" s="2"/>
    </row>
    <row r="440" spans="1:46" s="3" customFormat="1" ht="13.5" customHeight="1" x14ac:dyDescent="0.15">
      <c r="A440" s="3">
        <v>439</v>
      </c>
      <c r="B440" s="30" t="s">
        <v>613</v>
      </c>
      <c r="C440" s="27" t="s">
        <v>1986</v>
      </c>
      <c r="D440" s="31">
        <v>6330</v>
      </c>
      <c r="E440" s="32" t="s">
        <v>2018</v>
      </c>
      <c r="F440" s="32" t="s">
        <v>192</v>
      </c>
      <c r="G440" s="27">
        <v>12</v>
      </c>
      <c r="H440" s="4"/>
      <c r="I440" s="4"/>
      <c r="J440" s="4"/>
      <c r="K440" s="4"/>
      <c r="L440" s="4"/>
      <c r="M440" s="4"/>
      <c r="N440" s="4"/>
      <c r="O440" s="4"/>
      <c r="P440" s="4"/>
      <c r="Q440" s="4"/>
      <c r="R440" s="4"/>
      <c r="S440" s="4"/>
      <c r="T440" s="4"/>
      <c r="U440" s="4"/>
      <c r="V440" s="4"/>
      <c r="W440" s="4"/>
      <c r="X440" s="4"/>
      <c r="Y440" s="4"/>
      <c r="Z440" s="4"/>
      <c r="AA440" s="4"/>
      <c r="AB440" s="4"/>
      <c r="AC440" s="4"/>
      <c r="AD440" s="4"/>
      <c r="AE440" s="4"/>
      <c r="AF440" s="4"/>
      <c r="AG440" s="4"/>
      <c r="AH440" s="4"/>
      <c r="AI440" s="4"/>
      <c r="AJ440" s="4"/>
      <c r="AK440" s="4"/>
      <c r="AL440" s="4"/>
      <c r="AM440" s="4"/>
      <c r="AN440" s="4"/>
      <c r="AO440" s="4"/>
      <c r="AP440" s="4"/>
      <c r="AQ440" s="4"/>
      <c r="AR440" s="4"/>
      <c r="AS440" s="4"/>
      <c r="AT440" s="4"/>
    </row>
    <row r="441" spans="1:46" s="3" customFormat="1" ht="13.5" customHeight="1" x14ac:dyDescent="0.15">
      <c r="A441" s="3">
        <v>440</v>
      </c>
      <c r="B441" s="30" t="s">
        <v>613</v>
      </c>
      <c r="C441" s="27" t="s">
        <v>1986</v>
      </c>
      <c r="D441" s="31">
        <v>10600</v>
      </c>
      <c r="E441" s="32" t="s">
        <v>2581</v>
      </c>
      <c r="F441" s="32" t="s">
        <v>2582</v>
      </c>
      <c r="G441" s="27">
        <v>12</v>
      </c>
    </row>
    <row r="442" spans="1:46" ht="13.5" customHeight="1" x14ac:dyDescent="0.15">
      <c r="A442" s="3">
        <v>441</v>
      </c>
      <c r="B442" s="30" t="s">
        <v>613</v>
      </c>
      <c r="C442" s="27" t="s">
        <v>1986</v>
      </c>
      <c r="D442" s="31">
        <v>11010</v>
      </c>
      <c r="E442" s="32" t="s">
        <v>1844</v>
      </c>
      <c r="F442" s="32" t="s">
        <v>1830</v>
      </c>
      <c r="G442" s="27">
        <v>6</v>
      </c>
      <c r="H442" s="3"/>
      <c r="I442" s="3"/>
      <c r="J442" s="3"/>
      <c r="K442" s="3"/>
      <c r="L442" s="3"/>
      <c r="M442" s="3"/>
      <c r="N442" s="3"/>
      <c r="O442" s="3"/>
      <c r="P442" s="3"/>
      <c r="Q442" s="3"/>
      <c r="R442" s="3"/>
      <c r="S442" s="3"/>
      <c r="T442" s="3"/>
      <c r="U442" s="3"/>
      <c r="V442" s="3"/>
      <c r="W442" s="3"/>
      <c r="X442" s="3"/>
      <c r="Y442" s="3"/>
      <c r="Z442" s="3"/>
      <c r="AA442" s="3"/>
      <c r="AB442" s="3"/>
      <c r="AC442" s="3"/>
      <c r="AD442" s="3"/>
      <c r="AE442" s="3"/>
      <c r="AF442" s="3"/>
      <c r="AG442" s="3"/>
      <c r="AH442" s="3"/>
      <c r="AI442" s="3"/>
      <c r="AJ442" s="3"/>
      <c r="AK442" s="3"/>
      <c r="AL442" s="3"/>
      <c r="AM442" s="3"/>
      <c r="AN442" s="3"/>
      <c r="AO442" s="3"/>
      <c r="AP442" s="3"/>
      <c r="AQ442" s="3"/>
      <c r="AR442" s="3"/>
      <c r="AS442" s="3"/>
      <c r="AT442" s="3"/>
    </row>
    <row r="443" spans="1:46" s="3" customFormat="1" ht="13.5" customHeight="1" x14ac:dyDescent="0.15">
      <c r="A443" s="3">
        <v>442</v>
      </c>
      <c r="B443" s="30" t="s">
        <v>613</v>
      </c>
      <c r="C443" s="27" t="s">
        <v>1986</v>
      </c>
      <c r="D443" s="31">
        <v>11930</v>
      </c>
      <c r="E443" s="32" t="s">
        <v>1339</v>
      </c>
      <c r="F443" s="32" t="s">
        <v>268</v>
      </c>
      <c r="G443" s="27">
        <v>12</v>
      </c>
    </row>
    <row r="444" spans="1:46" s="3" customFormat="1" ht="13.5" customHeight="1" x14ac:dyDescent="0.15">
      <c r="A444" s="3">
        <v>443</v>
      </c>
      <c r="B444" s="30" t="s">
        <v>613</v>
      </c>
      <c r="C444" s="27" t="s">
        <v>1986</v>
      </c>
      <c r="D444" s="31">
        <v>14220</v>
      </c>
      <c r="E444" s="32" t="s">
        <v>741</v>
      </c>
      <c r="F444" s="32" t="s">
        <v>191</v>
      </c>
      <c r="G444" s="27">
        <v>12</v>
      </c>
    </row>
    <row r="445" spans="1:46" s="3" customFormat="1" ht="13.5" customHeight="1" x14ac:dyDescent="0.15">
      <c r="A445" s="3">
        <v>444</v>
      </c>
      <c r="B445" s="30" t="s">
        <v>613</v>
      </c>
      <c r="C445" s="27" t="s">
        <v>1986</v>
      </c>
      <c r="D445" s="31">
        <v>15500</v>
      </c>
      <c r="E445" s="32" t="s">
        <v>683</v>
      </c>
      <c r="F445" s="32" t="s">
        <v>38</v>
      </c>
      <c r="G445" s="27">
        <v>5</v>
      </c>
    </row>
    <row r="446" spans="1:46" s="3" customFormat="1" ht="13.5" customHeight="1" x14ac:dyDescent="0.15">
      <c r="A446" s="3">
        <v>445</v>
      </c>
      <c r="B446" s="30" t="s">
        <v>613</v>
      </c>
      <c r="C446" s="27" t="s">
        <v>1986</v>
      </c>
      <c r="D446" s="31">
        <v>16570</v>
      </c>
      <c r="E446" s="32" t="s">
        <v>2178</v>
      </c>
      <c r="F446" s="32" t="s">
        <v>1739</v>
      </c>
      <c r="G446" s="27">
        <v>12</v>
      </c>
    </row>
    <row r="447" spans="1:46" s="3" customFormat="1" ht="13.5" customHeight="1" x14ac:dyDescent="0.15">
      <c r="A447" s="3">
        <v>446</v>
      </c>
      <c r="B447" s="30" t="s">
        <v>613</v>
      </c>
      <c r="C447" s="27" t="s">
        <v>1986</v>
      </c>
      <c r="D447" s="31">
        <v>20300</v>
      </c>
      <c r="E447" s="32" t="s">
        <v>1684</v>
      </c>
      <c r="F447" s="32" t="s">
        <v>1865</v>
      </c>
      <c r="G447" s="27">
        <v>6</v>
      </c>
    </row>
    <row r="448" spans="1:46" s="3" customFormat="1" ht="13.5" customHeight="1" x14ac:dyDescent="0.15">
      <c r="A448" s="3">
        <v>447</v>
      </c>
      <c r="B448" s="30" t="s">
        <v>613</v>
      </c>
      <c r="C448" s="27" t="s">
        <v>1986</v>
      </c>
      <c r="D448" s="31">
        <v>20520</v>
      </c>
      <c r="E448" s="32" t="s">
        <v>1686</v>
      </c>
      <c r="F448" s="32" t="s">
        <v>269</v>
      </c>
      <c r="G448" s="27">
        <v>6</v>
      </c>
    </row>
    <row r="449" spans="1:7" s="3" customFormat="1" ht="13.5" customHeight="1" x14ac:dyDescent="0.15">
      <c r="A449" s="3">
        <v>448</v>
      </c>
      <c r="B449" s="30" t="s">
        <v>613</v>
      </c>
      <c r="C449" s="27" t="s">
        <v>1986</v>
      </c>
      <c r="D449" s="31">
        <v>20710</v>
      </c>
      <c r="E449" s="32" t="s">
        <v>784</v>
      </c>
      <c r="F449" s="32" t="s">
        <v>1740</v>
      </c>
      <c r="G449" s="27">
        <v>11</v>
      </c>
    </row>
    <row r="450" spans="1:7" s="3" customFormat="1" ht="13.5" customHeight="1" x14ac:dyDescent="0.15">
      <c r="A450" s="3">
        <v>449</v>
      </c>
      <c r="B450" s="30" t="s">
        <v>613</v>
      </c>
      <c r="C450" s="27" t="s">
        <v>1986</v>
      </c>
      <c r="D450" s="31">
        <v>21590</v>
      </c>
      <c r="E450" s="32" t="s">
        <v>1310</v>
      </c>
      <c r="F450" s="32" t="s">
        <v>1831</v>
      </c>
      <c r="G450" s="27">
        <v>8</v>
      </c>
    </row>
    <row r="451" spans="1:7" s="3" customFormat="1" ht="13.5" customHeight="1" x14ac:dyDescent="0.15">
      <c r="A451" s="3">
        <v>450</v>
      </c>
      <c r="B451" s="30" t="s">
        <v>613</v>
      </c>
      <c r="C451" s="27" t="s">
        <v>1986</v>
      </c>
      <c r="D451" s="31">
        <v>21910</v>
      </c>
      <c r="E451" s="32" t="s">
        <v>1161</v>
      </c>
      <c r="F451" s="32" t="s">
        <v>500</v>
      </c>
      <c r="G451" s="27">
        <v>6</v>
      </c>
    </row>
    <row r="452" spans="1:7" s="3" customFormat="1" ht="13.5" customHeight="1" x14ac:dyDescent="0.15">
      <c r="A452" s="3">
        <v>451</v>
      </c>
      <c r="B452" s="30" t="s">
        <v>613</v>
      </c>
      <c r="C452" s="27" t="s">
        <v>1986</v>
      </c>
      <c r="D452" s="31">
        <v>25580</v>
      </c>
      <c r="E452" s="32" t="s">
        <v>135</v>
      </c>
      <c r="F452" s="32" t="s">
        <v>1948</v>
      </c>
      <c r="G452" s="27">
        <v>12</v>
      </c>
    </row>
    <row r="453" spans="1:7" s="3" customFormat="1" ht="13.5" customHeight="1" x14ac:dyDescent="0.15">
      <c r="A453" s="3">
        <v>452</v>
      </c>
      <c r="B453" s="30" t="s">
        <v>613</v>
      </c>
      <c r="C453" s="27" t="s">
        <v>1986</v>
      </c>
      <c r="D453" s="31">
        <v>26390</v>
      </c>
      <c r="E453" s="32" t="s">
        <v>252</v>
      </c>
      <c r="F453" s="32" t="s">
        <v>1309</v>
      </c>
      <c r="G453" s="27">
        <v>5</v>
      </c>
    </row>
    <row r="454" spans="1:7" s="3" customFormat="1" ht="13.5" customHeight="1" x14ac:dyDescent="0.15">
      <c r="A454" s="3">
        <v>453</v>
      </c>
      <c r="B454" s="30" t="s">
        <v>613</v>
      </c>
      <c r="C454" s="27" t="s">
        <v>1986</v>
      </c>
      <c r="D454" s="31">
        <v>28700</v>
      </c>
      <c r="E454" s="32" t="s">
        <v>167</v>
      </c>
      <c r="F454" s="32" t="s">
        <v>177</v>
      </c>
      <c r="G454" s="27">
        <v>8</v>
      </c>
    </row>
    <row r="455" spans="1:7" s="3" customFormat="1" ht="13.5" customHeight="1" x14ac:dyDescent="0.15">
      <c r="A455" s="3">
        <v>454</v>
      </c>
      <c r="B455" s="30" t="s">
        <v>613</v>
      </c>
      <c r="C455" s="27" t="s">
        <v>1986</v>
      </c>
      <c r="D455" s="31">
        <v>30770</v>
      </c>
      <c r="E455" s="32" t="s">
        <v>1759</v>
      </c>
      <c r="F455" s="32" t="s">
        <v>2362</v>
      </c>
      <c r="G455" s="27">
        <v>6</v>
      </c>
    </row>
    <row r="456" spans="1:7" s="3" customFormat="1" ht="13.5" customHeight="1" x14ac:dyDescent="0.15">
      <c r="A456" s="3">
        <v>455</v>
      </c>
      <c r="B456" s="30" t="s">
        <v>613</v>
      </c>
      <c r="C456" s="27" t="s">
        <v>1986</v>
      </c>
      <c r="D456" s="31">
        <v>30790</v>
      </c>
      <c r="E456" s="32" t="s">
        <v>1959</v>
      </c>
      <c r="F456" s="32" t="s">
        <v>270</v>
      </c>
      <c r="G456" s="27">
        <v>3</v>
      </c>
    </row>
    <row r="457" spans="1:7" s="3" customFormat="1" ht="13.5" customHeight="1" x14ac:dyDescent="0.15">
      <c r="A457" s="3">
        <v>456</v>
      </c>
      <c r="B457" s="30" t="s">
        <v>613</v>
      </c>
      <c r="C457" s="27" t="s">
        <v>1986</v>
      </c>
      <c r="D457" s="31">
        <v>30800</v>
      </c>
      <c r="E457" s="32" t="s">
        <v>1669</v>
      </c>
      <c r="F457" s="32" t="s">
        <v>1829</v>
      </c>
      <c r="G457" s="27">
        <v>6</v>
      </c>
    </row>
    <row r="458" spans="1:7" s="3" customFormat="1" ht="13.5" customHeight="1" x14ac:dyDescent="0.15">
      <c r="A458" s="3">
        <v>457</v>
      </c>
      <c r="B458" s="30" t="s">
        <v>613</v>
      </c>
      <c r="C458" s="27" t="s">
        <v>1986</v>
      </c>
      <c r="D458" s="31">
        <v>30810</v>
      </c>
      <c r="E458" s="32" t="s">
        <v>1670</v>
      </c>
      <c r="F458" s="32" t="s">
        <v>1864</v>
      </c>
      <c r="G458" s="27">
        <v>6</v>
      </c>
    </row>
    <row r="459" spans="1:7" s="3" customFormat="1" ht="13.5" customHeight="1" x14ac:dyDescent="0.15">
      <c r="A459" s="3">
        <v>458</v>
      </c>
      <c r="B459" s="30" t="s">
        <v>613</v>
      </c>
      <c r="C459" s="27" t="s">
        <v>1986</v>
      </c>
      <c r="D459" s="31">
        <v>30820</v>
      </c>
      <c r="E459" s="32" t="s">
        <v>1671</v>
      </c>
      <c r="F459" s="32" t="s">
        <v>266</v>
      </c>
      <c r="G459" s="27">
        <v>3</v>
      </c>
    </row>
    <row r="460" spans="1:7" s="3" customFormat="1" ht="13.5" customHeight="1" x14ac:dyDescent="0.15">
      <c r="A460" s="3">
        <v>459</v>
      </c>
      <c r="B460" s="30" t="s">
        <v>613</v>
      </c>
      <c r="C460" s="27" t="s">
        <v>1986</v>
      </c>
      <c r="D460" s="31">
        <v>31780</v>
      </c>
      <c r="E460" s="32" t="s">
        <v>1503</v>
      </c>
      <c r="F460" s="32" t="s">
        <v>267</v>
      </c>
      <c r="G460" s="27">
        <v>5</v>
      </c>
    </row>
    <row r="461" spans="1:7" s="3" customFormat="1" ht="13.5" customHeight="1" x14ac:dyDescent="0.15">
      <c r="A461" s="3">
        <v>460</v>
      </c>
      <c r="B461" s="30" t="s">
        <v>613</v>
      </c>
      <c r="C461" s="27" t="s">
        <v>1986</v>
      </c>
      <c r="D461" s="31">
        <v>33350</v>
      </c>
      <c r="E461" s="32" t="s">
        <v>1323</v>
      </c>
      <c r="F461" s="32" t="s">
        <v>622</v>
      </c>
      <c r="G461" s="27">
        <v>6</v>
      </c>
    </row>
    <row r="462" spans="1:7" s="3" customFormat="1" ht="13.5" customHeight="1" x14ac:dyDescent="0.15">
      <c r="A462" s="3">
        <v>461</v>
      </c>
      <c r="B462" s="30" t="s">
        <v>613</v>
      </c>
      <c r="C462" s="27" t="s">
        <v>621</v>
      </c>
      <c r="D462" s="34">
        <v>33850</v>
      </c>
      <c r="E462" s="32" t="s">
        <v>2347</v>
      </c>
      <c r="F462" s="32" t="s">
        <v>2348</v>
      </c>
      <c r="G462" s="27">
        <v>8</v>
      </c>
    </row>
    <row r="463" spans="1:7" s="3" customFormat="1" ht="13.5" customHeight="1" x14ac:dyDescent="0.15">
      <c r="A463" s="3">
        <v>462</v>
      </c>
      <c r="B463" s="30" t="s">
        <v>613</v>
      </c>
      <c r="C463" s="27" t="s">
        <v>988</v>
      </c>
      <c r="D463" s="31">
        <v>34750</v>
      </c>
      <c r="E463" s="32" t="s">
        <v>224</v>
      </c>
      <c r="F463" s="32" t="s">
        <v>868</v>
      </c>
      <c r="G463" s="27">
        <v>9</v>
      </c>
    </row>
    <row r="464" spans="1:7" s="3" customFormat="1" ht="13.5" customHeight="1" x14ac:dyDescent="0.15">
      <c r="A464" s="3">
        <v>463</v>
      </c>
      <c r="B464" s="30" t="s">
        <v>613</v>
      </c>
      <c r="C464" s="27" t="s">
        <v>1986</v>
      </c>
      <c r="D464" s="31">
        <v>34850</v>
      </c>
      <c r="E464" s="32" t="s">
        <v>893</v>
      </c>
      <c r="F464" s="32" t="s">
        <v>1828</v>
      </c>
      <c r="G464" s="27">
        <v>3</v>
      </c>
    </row>
    <row r="465" spans="1:7" s="3" customFormat="1" ht="13.5" customHeight="1" x14ac:dyDescent="0.15">
      <c r="A465" s="3">
        <v>464</v>
      </c>
      <c r="B465" s="30" t="s">
        <v>613</v>
      </c>
      <c r="C465" s="27" t="s">
        <v>1986</v>
      </c>
      <c r="D465" s="31">
        <v>38950</v>
      </c>
      <c r="E465" s="32" t="s">
        <v>3023</v>
      </c>
      <c r="F465" s="32" t="s">
        <v>1678</v>
      </c>
      <c r="G465" s="27">
        <v>6</v>
      </c>
    </row>
    <row r="466" spans="1:7" s="3" customFormat="1" ht="13.5" customHeight="1" x14ac:dyDescent="0.15">
      <c r="A466" s="3">
        <v>465</v>
      </c>
      <c r="B466" s="30" t="s">
        <v>613</v>
      </c>
      <c r="C466" s="27" t="s">
        <v>1986</v>
      </c>
      <c r="D466" s="31">
        <v>39430</v>
      </c>
      <c r="E466" s="32" t="s">
        <v>3040</v>
      </c>
      <c r="F466" s="32" t="s">
        <v>2235</v>
      </c>
      <c r="G466" s="27">
        <v>6</v>
      </c>
    </row>
    <row r="467" spans="1:7" s="3" customFormat="1" ht="13.5" customHeight="1" x14ac:dyDescent="0.15">
      <c r="A467" s="3">
        <v>466</v>
      </c>
      <c r="B467" s="30" t="s">
        <v>613</v>
      </c>
      <c r="C467" s="27" t="s">
        <v>621</v>
      </c>
      <c r="D467" s="34">
        <v>40520</v>
      </c>
      <c r="E467" s="32" t="s">
        <v>3064</v>
      </c>
      <c r="F467" s="32" t="s">
        <v>2563</v>
      </c>
      <c r="G467" s="27">
        <v>8</v>
      </c>
    </row>
    <row r="468" spans="1:7" s="3" customFormat="1" ht="13.5" customHeight="1" x14ac:dyDescent="0.15">
      <c r="A468" s="3">
        <v>467</v>
      </c>
      <c r="B468" s="30" t="s">
        <v>613</v>
      </c>
      <c r="C468" s="35" t="s">
        <v>1118</v>
      </c>
      <c r="D468" s="28">
        <v>41560</v>
      </c>
      <c r="E468" s="36" t="s">
        <v>1966</v>
      </c>
      <c r="F468" s="29" t="s">
        <v>2233</v>
      </c>
      <c r="G468" s="27">
        <v>12</v>
      </c>
    </row>
    <row r="469" spans="1:7" s="3" customFormat="1" ht="13.5" customHeight="1" x14ac:dyDescent="0.15">
      <c r="A469" s="3">
        <v>468</v>
      </c>
      <c r="B469" s="30" t="s">
        <v>613</v>
      </c>
      <c r="C469" s="27" t="s">
        <v>1496</v>
      </c>
      <c r="D469" s="28">
        <v>41740</v>
      </c>
      <c r="E469" s="38" t="s">
        <v>758</v>
      </c>
      <c r="F469" s="36" t="s">
        <v>2229</v>
      </c>
      <c r="G469" s="27">
        <v>6</v>
      </c>
    </row>
    <row r="470" spans="1:7" s="3" customFormat="1" ht="13.5" customHeight="1" x14ac:dyDescent="0.15">
      <c r="A470" s="3">
        <v>469</v>
      </c>
      <c r="B470" s="30" t="s">
        <v>613</v>
      </c>
      <c r="C470" s="27" t="s">
        <v>1496</v>
      </c>
      <c r="D470" s="28">
        <v>41960</v>
      </c>
      <c r="E470" s="38" t="s">
        <v>1500</v>
      </c>
      <c r="F470" s="36" t="s">
        <v>1771</v>
      </c>
      <c r="G470" s="27">
        <v>7</v>
      </c>
    </row>
    <row r="471" spans="1:7" s="3" customFormat="1" ht="13.5" customHeight="1" x14ac:dyDescent="0.15">
      <c r="A471" s="3">
        <v>470</v>
      </c>
      <c r="B471" s="30" t="s">
        <v>613</v>
      </c>
      <c r="C471" s="27" t="s">
        <v>1496</v>
      </c>
      <c r="D471" s="28">
        <v>42040</v>
      </c>
      <c r="E471" s="38" t="s">
        <v>864</v>
      </c>
      <c r="F471" s="32" t="s">
        <v>2232</v>
      </c>
      <c r="G471" s="27">
        <v>6</v>
      </c>
    </row>
    <row r="472" spans="1:7" s="3" customFormat="1" ht="13.5" customHeight="1" x14ac:dyDescent="0.15">
      <c r="A472" s="3">
        <v>471</v>
      </c>
      <c r="B472" s="30" t="s">
        <v>613</v>
      </c>
      <c r="C472" s="27" t="s">
        <v>1496</v>
      </c>
      <c r="D472" s="28">
        <v>42140</v>
      </c>
      <c r="E472" s="38" t="s">
        <v>865</v>
      </c>
      <c r="F472" s="32" t="s">
        <v>2230</v>
      </c>
      <c r="G472" s="27">
        <v>6</v>
      </c>
    </row>
    <row r="473" spans="1:7" s="3" customFormat="1" ht="13.5" customHeight="1" x14ac:dyDescent="0.15">
      <c r="A473" s="3">
        <v>472</v>
      </c>
      <c r="B473" s="30" t="s">
        <v>613</v>
      </c>
      <c r="C473" s="27" t="s">
        <v>1496</v>
      </c>
      <c r="D473" s="28">
        <v>42380</v>
      </c>
      <c r="E473" s="36" t="s">
        <v>1002</v>
      </c>
      <c r="F473" s="32" t="s">
        <v>2231</v>
      </c>
      <c r="G473" s="27">
        <v>8</v>
      </c>
    </row>
    <row r="474" spans="1:7" s="3" customFormat="1" ht="13.5" customHeight="1" x14ac:dyDescent="0.15">
      <c r="A474" s="3">
        <v>473</v>
      </c>
      <c r="B474" s="30" t="s">
        <v>613</v>
      </c>
      <c r="C474" s="27" t="s">
        <v>1986</v>
      </c>
      <c r="D474" s="31">
        <v>42480</v>
      </c>
      <c r="E474" s="32" t="s">
        <v>1294</v>
      </c>
      <c r="F474" s="32" t="s">
        <v>1418</v>
      </c>
      <c r="G474" s="27">
        <v>12</v>
      </c>
    </row>
    <row r="475" spans="1:7" s="3" customFormat="1" ht="13.5" customHeight="1" x14ac:dyDescent="0.15">
      <c r="A475" s="3">
        <v>474</v>
      </c>
      <c r="B475" s="30" t="s">
        <v>613</v>
      </c>
      <c r="C475" s="27" t="s">
        <v>1558</v>
      </c>
      <c r="D475" s="28">
        <v>42510</v>
      </c>
      <c r="E475" s="29" t="s">
        <v>1555</v>
      </c>
      <c r="F475" s="29" t="s">
        <v>2234</v>
      </c>
      <c r="G475" s="27">
        <v>6</v>
      </c>
    </row>
    <row r="476" spans="1:7" s="3" customFormat="1" ht="13.5" customHeight="1" x14ac:dyDescent="0.15">
      <c r="A476" s="3">
        <v>475</v>
      </c>
      <c r="B476" s="30" t="s">
        <v>613</v>
      </c>
      <c r="C476" s="27" t="s">
        <v>1558</v>
      </c>
      <c r="D476" s="28">
        <v>42580</v>
      </c>
      <c r="E476" s="46" t="s">
        <v>196</v>
      </c>
      <c r="F476" s="46" t="s">
        <v>2228</v>
      </c>
      <c r="G476" s="27">
        <v>12</v>
      </c>
    </row>
    <row r="477" spans="1:7" s="3" customFormat="1" ht="13.5" customHeight="1" x14ac:dyDescent="0.15">
      <c r="A477" s="3">
        <v>476</v>
      </c>
      <c r="B477" s="30" t="s">
        <v>613</v>
      </c>
      <c r="C477" s="27" t="s">
        <v>1558</v>
      </c>
      <c r="D477" s="34">
        <v>42880</v>
      </c>
      <c r="E477" s="32" t="s">
        <v>3097</v>
      </c>
      <c r="F477" s="32" t="s">
        <v>2162</v>
      </c>
      <c r="G477" s="27">
        <v>12</v>
      </c>
    </row>
    <row r="478" spans="1:7" s="3" customFormat="1" ht="13.5" customHeight="1" x14ac:dyDescent="0.15">
      <c r="A478" s="3">
        <v>477</v>
      </c>
      <c r="B478" s="30" t="s">
        <v>613</v>
      </c>
      <c r="C478" s="27" t="s">
        <v>1496</v>
      </c>
      <c r="D478" s="31">
        <v>143610</v>
      </c>
      <c r="E478" s="32" t="s">
        <v>2527</v>
      </c>
      <c r="F478" s="32" t="s">
        <v>2528</v>
      </c>
      <c r="G478" s="27">
        <v>12</v>
      </c>
    </row>
    <row r="479" spans="1:7" s="3" customFormat="1" ht="13.5" customHeight="1" x14ac:dyDescent="0.15">
      <c r="A479" s="3">
        <v>478</v>
      </c>
      <c r="B479" s="30" t="s">
        <v>613</v>
      </c>
      <c r="C479" s="27" t="s">
        <v>1558</v>
      </c>
      <c r="D479" s="31">
        <v>143860</v>
      </c>
      <c r="E479" s="32" t="s">
        <v>2472</v>
      </c>
      <c r="F479" s="32" t="s">
        <v>2473</v>
      </c>
      <c r="G479" s="27">
        <v>12</v>
      </c>
    </row>
    <row r="480" spans="1:7" s="3" customFormat="1" ht="13.5" customHeight="1" x14ac:dyDescent="0.15">
      <c r="A480" s="3">
        <v>479</v>
      </c>
      <c r="B480" s="30" t="s">
        <v>613</v>
      </c>
      <c r="C480" s="27" t="s">
        <v>1558</v>
      </c>
      <c r="D480" s="31">
        <v>143940</v>
      </c>
      <c r="E480" s="32" t="s">
        <v>2494</v>
      </c>
      <c r="F480" s="32" t="s">
        <v>2495</v>
      </c>
      <c r="G480" s="27">
        <v>6</v>
      </c>
    </row>
    <row r="481" spans="1:46" s="3" customFormat="1" ht="13.5" customHeight="1" x14ac:dyDescent="0.15">
      <c r="A481" s="3">
        <v>480</v>
      </c>
      <c r="B481" s="30" t="s">
        <v>613</v>
      </c>
      <c r="C481" s="27" t="s">
        <v>1496</v>
      </c>
      <c r="D481" s="31">
        <v>144070</v>
      </c>
      <c r="E481" s="32" t="s">
        <v>2554</v>
      </c>
      <c r="F481" s="29" t="s">
        <v>2553</v>
      </c>
      <c r="G481" s="27">
        <v>12</v>
      </c>
    </row>
    <row r="482" spans="1:46" s="3" customFormat="1" ht="13.5" customHeight="1" x14ac:dyDescent="0.15">
      <c r="A482" s="3">
        <v>481</v>
      </c>
      <c r="B482" s="30" t="s">
        <v>613</v>
      </c>
      <c r="C482" s="27" t="s">
        <v>2855</v>
      </c>
      <c r="D482" s="31">
        <v>145270</v>
      </c>
      <c r="E482" s="29" t="s">
        <v>2828</v>
      </c>
      <c r="F482" s="40" t="s">
        <v>2799</v>
      </c>
      <c r="G482" s="27">
        <v>12</v>
      </c>
    </row>
    <row r="483" spans="1:46" s="3" customFormat="1" ht="13.5" customHeight="1" x14ac:dyDescent="0.15">
      <c r="A483" s="3">
        <v>482</v>
      </c>
      <c r="B483" s="30" t="s">
        <v>613</v>
      </c>
      <c r="C483" s="27" t="s">
        <v>2855</v>
      </c>
      <c r="D483" s="31">
        <v>145330</v>
      </c>
      <c r="E483" s="29" t="s">
        <v>2832</v>
      </c>
      <c r="F483" s="40" t="s">
        <v>2804</v>
      </c>
      <c r="G483" s="27">
        <v>7</v>
      </c>
    </row>
    <row r="484" spans="1:46" s="3" customFormat="1" ht="13.5" customHeight="1" x14ac:dyDescent="0.15">
      <c r="A484" s="3">
        <v>483</v>
      </c>
      <c r="B484" s="30" t="s">
        <v>613</v>
      </c>
      <c r="C484" s="27" t="s">
        <v>621</v>
      </c>
      <c r="D484" s="28">
        <v>145760</v>
      </c>
      <c r="E484" s="29" t="s">
        <v>2923</v>
      </c>
      <c r="F484" s="29" t="s">
        <v>2913</v>
      </c>
      <c r="G484" s="27">
        <v>4</v>
      </c>
    </row>
    <row r="485" spans="1:46" s="3" customFormat="1" ht="13.5" customHeight="1" x14ac:dyDescent="0.15">
      <c r="A485" s="3">
        <v>484</v>
      </c>
      <c r="B485" s="30" t="s">
        <v>613</v>
      </c>
      <c r="C485" s="27" t="s">
        <v>1558</v>
      </c>
      <c r="D485" s="28">
        <v>145950</v>
      </c>
      <c r="E485" s="40" t="s">
        <v>2977</v>
      </c>
      <c r="F485" s="51" t="s">
        <v>2948</v>
      </c>
      <c r="G485" s="27">
        <v>8</v>
      </c>
      <c r="H485" s="2"/>
      <c r="I485" s="2"/>
      <c r="J485" s="2"/>
      <c r="K485" s="2"/>
      <c r="L485" s="2"/>
      <c r="M485" s="2"/>
      <c r="N485" s="2"/>
      <c r="O485" s="2"/>
      <c r="P485" s="2"/>
      <c r="Q485" s="2"/>
      <c r="R485" s="2"/>
      <c r="S485" s="2"/>
      <c r="T485" s="2"/>
      <c r="U485" s="2"/>
      <c r="V485" s="2"/>
      <c r="W485" s="2"/>
      <c r="X485" s="2"/>
      <c r="Y485" s="2"/>
      <c r="Z485" s="2"/>
      <c r="AA485" s="2"/>
      <c r="AB485" s="2"/>
      <c r="AC485" s="2"/>
      <c r="AD485" s="2"/>
      <c r="AE485" s="2"/>
      <c r="AF485" s="2"/>
      <c r="AG485" s="2"/>
      <c r="AH485" s="2"/>
      <c r="AI485" s="2"/>
      <c r="AJ485" s="2"/>
      <c r="AK485" s="2"/>
      <c r="AL485" s="2"/>
      <c r="AM485" s="2"/>
      <c r="AN485" s="2"/>
      <c r="AO485" s="2"/>
      <c r="AP485" s="2"/>
      <c r="AQ485" s="2"/>
      <c r="AR485" s="2"/>
      <c r="AS485" s="2"/>
      <c r="AT485" s="2"/>
    </row>
    <row r="486" spans="1:46" s="3" customFormat="1" ht="13.5" customHeight="1" x14ac:dyDescent="0.15">
      <c r="A486" s="3">
        <v>485</v>
      </c>
      <c r="B486" s="30" t="s">
        <v>613</v>
      </c>
      <c r="C486" s="27" t="s">
        <v>2964</v>
      </c>
      <c r="D486" s="28">
        <v>146030</v>
      </c>
      <c r="E486" s="41" t="s">
        <v>2961</v>
      </c>
      <c r="F486" s="52" t="s">
        <v>2956</v>
      </c>
      <c r="G486" s="27">
        <v>7</v>
      </c>
      <c r="H486" s="2"/>
      <c r="I486" s="2"/>
      <c r="J486" s="2"/>
      <c r="K486" s="2"/>
      <c r="L486" s="2"/>
      <c r="M486" s="2"/>
      <c r="N486" s="2"/>
      <c r="O486" s="2"/>
      <c r="P486" s="2"/>
      <c r="Q486" s="2"/>
      <c r="R486" s="2"/>
      <c r="S486" s="2"/>
      <c r="T486" s="2"/>
      <c r="U486" s="2"/>
      <c r="V486" s="2"/>
      <c r="W486" s="2"/>
      <c r="X486" s="2"/>
      <c r="Y486" s="2"/>
      <c r="Z486" s="2"/>
      <c r="AA486" s="2"/>
      <c r="AB486" s="2"/>
      <c r="AC486" s="2"/>
      <c r="AD486" s="2"/>
      <c r="AE486" s="2"/>
      <c r="AF486" s="2"/>
      <c r="AG486" s="2"/>
      <c r="AH486" s="2"/>
      <c r="AI486" s="2"/>
      <c r="AJ486" s="2"/>
      <c r="AK486" s="2"/>
      <c r="AL486" s="2"/>
      <c r="AM486" s="2"/>
      <c r="AN486" s="2"/>
      <c r="AO486" s="2"/>
      <c r="AP486" s="2"/>
      <c r="AQ486" s="2"/>
      <c r="AR486" s="2"/>
      <c r="AS486" s="2"/>
      <c r="AT486" s="2"/>
    </row>
    <row r="487" spans="1:46" s="3" customFormat="1" ht="13.5" customHeight="1" x14ac:dyDescent="0.15">
      <c r="A487" s="3">
        <v>486</v>
      </c>
      <c r="B487" s="30" t="s">
        <v>613</v>
      </c>
      <c r="C487" s="27" t="s">
        <v>621</v>
      </c>
      <c r="D487" s="28">
        <v>146040</v>
      </c>
      <c r="E487" s="41" t="s">
        <v>2982</v>
      </c>
      <c r="F487" s="52" t="s">
        <v>2957</v>
      </c>
      <c r="G487" s="27">
        <v>7</v>
      </c>
      <c r="H487" s="2"/>
      <c r="I487" s="2"/>
      <c r="J487" s="2"/>
      <c r="K487" s="2"/>
      <c r="L487" s="2"/>
      <c r="M487" s="2"/>
      <c r="N487" s="2"/>
      <c r="O487" s="2"/>
      <c r="P487" s="2"/>
      <c r="Q487" s="2"/>
      <c r="R487" s="2"/>
      <c r="S487" s="2"/>
      <c r="T487" s="2"/>
      <c r="U487" s="2"/>
      <c r="V487" s="2"/>
      <c r="W487" s="2"/>
      <c r="X487" s="2"/>
      <c r="Y487" s="2"/>
      <c r="Z487" s="2"/>
      <c r="AA487" s="2"/>
      <c r="AB487" s="2"/>
      <c r="AC487" s="2"/>
      <c r="AD487" s="2"/>
      <c r="AE487" s="2"/>
      <c r="AF487" s="2"/>
      <c r="AG487" s="2"/>
      <c r="AH487" s="2"/>
      <c r="AI487" s="2"/>
      <c r="AJ487" s="2"/>
      <c r="AK487" s="2"/>
      <c r="AL487" s="2"/>
      <c r="AM487" s="2"/>
      <c r="AN487" s="2"/>
      <c r="AO487" s="2"/>
      <c r="AP487" s="2"/>
      <c r="AQ487" s="2"/>
      <c r="AR487" s="2"/>
      <c r="AS487" s="2"/>
      <c r="AT487" s="2"/>
    </row>
    <row r="488" spans="1:46" s="3" customFormat="1" ht="13.5" customHeight="1" x14ac:dyDescent="0.15">
      <c r="A488" s="3">
        <v>487</v>
      </c>
      <c r="B488" s="30" t="s">
        <v>613</v>
      </c>
      <c r="C488" s="27" t="s">
        <v>621</v>
      </c>
      <c r="D488" s="28">
        <v>146050</v>
      </c>
      <c r="E488" s="41" t="s">
        <v>2983</v>
      </c>
      <c r="F488" s="52" t="s">
        <v>2958</v>
      </c>
      <c r="G488" s="27">
        <v>8</v>
      </c>
      <c r="H488" s="2"/>
      <c r="I488" s="2"/>
      <c r="J488" s="2"/>
      <c r="K488" s="2"/>
      <c r="L488" s="2"/>
      <c r="M488" s="2"/>
      <c r="N488" s="2"/>
      <c r="O488" s="2"/>
      <c r="P488" s="2"/>
      <c r="Q488" s="2"/>
      <c r="R488" s="2"/>
      <c r="S488" s="2"/>
      <c r="T488" s="2"/>
      <c r="U488" s="2"/>
      <c r="V488" s="2"/>
      <c r="W488" s="2"/>
      <c r="X488" s="2"/>
      <c r="Y488" s="2"/>
      <c r="Z488" s="2"/>
      <c r="AA488" s="2"/>
      <c r="AB488" s="2"/>
      <c r="AC488" s="2"/>
      <c r="AD488" s="2"/>
      <c r="AE488" s="2"/>
      <c r="AF488" s="2"/>
      <c r="AG488" s="2"/>
      <c r="AH488" s="2"/>
      <c r="AI488" s="2"/>
      <c r="AJ488" s="2"/>
      <c r="AK488" s="2"/>
      <c r="AL488" s="2"/>
      <c r="AM488" s="2"/>
      <c r="AN488" s="2"/>
      <c r="AO488" s="2"/>
      <c r="AP488" s="2"/>
      <c r="AQ488" s="2"/>
      <c r="AR488" s="2"/>
      <c r="AS488" s="2"/>
      <c r="AT488" s="2"/>
    </row>
    <row r="489" spans="1:46" s="3" customFormat="1" ht="13.5" customHeight="1" x14ac:dyDescent="0.15">
      <c r="A489" s="3">
        <v>488</v>
      </c>
      <c r="B489" s="30" t="s">
        <v>613</v>
      </c>
      <c r="C489" s="27" t="s">
        <v>621</v>
      </c>
      <c r="D489" s="28">
        <v>146180</v>
      </c>
      <c r="E489" s="41" t="s">
        <v>3189</v>
      </c>
      <c r="F489" s="52" t="s">
        <v>3125</v>
      </c>
      <c r="G489" s="27">
        <v>11</v>
      </c>
      <c r="H489" s="2"/>
      <c r="I489" s="2"/>
      <c r="J489" s="2"/>
      <c r="K489" s="2"/>
      <c r="L489" s="2"/>
      <c r="M489" s="2"/>
      <c r="N489" s="2"/>
      <c r="O489" s="2"/>
      <c r="P489" s="2"/>
      <c r="Q489" s="2"/>
      <c r="R489" s="2"/>
      <c r="S489" s="2"/>
      <c r="T489" s="2"/>
      <c r="U489" s="2"/>
      <c r="V489" s="2"/>
      <c r="W489" s="2"/>
      <c r="X489" s="2"/>
      <c r="Y489" s="2"/>
      <c r="Z489" s="2"/>
      <c r="AA489" s="2"/>
      <c r="AB489" s="2"/>
      <c r="AC489" s="2"/>
      <c r="AD489" s="2"/>
      <c r="AE489" s="2"/>
      <c r="AF489" s="2"/>
      <c r="AG489" s="2"/>
      <c r="AH489" s="2"/>
      <c r="AI489" s="2"/>
      <c r="AJ489" s="2"/>
      <c r="AK489" s="2"/>
      <c r="AL489" s="2"/>
      <c r="AM489" s="2"/>
      <c r="AN489" s="2"/>
      <c r="AO489" s="2"/>
      <c r="AP489" s="2"/>
      <c r="AQ489" s="2"/>
      <c r="AR489" s="2"/>
      <c r="AS489" s="2"/>
      <c r="AT489" s="2"/>
    </row>
    <row r="490" spans="1:46" s="3" customFormat="1" ht="13.5" customHeight="1" x14ac:dyDescent="0.15">
      <c r="A490" s="3">
        <v>489</v>
      </c>
      <c r="B490" s="30" t="s">
        <v>613</v>
      </c>
      <c r="C490" s="39" t="s">
        <v>3234</v>
      </c>
      <c r="D490" s="33">
        <v>146230</v>
      </c>
      <c r="E490" s="40" t="s">
        <v>3235</v>
      </c>
      <c r="F490" s="29" t="s">
        <v>3236</v>
      </c>
      <c r="G490" s="27">
        <v>8</v>
      </c>
      <c r="H490" s="2"/>
      <c r="I490" s="2"/>
      <c r="J490" s="2"/>
      <c r="K490" s="2"/>
      <c r="L490" s="2"/>
      <c r="M490" s="2"/>
      <c r="N490" s="2"/>
      <c r="O490" s="2"/>
      <c r="P490" s="2"/>
      <c r="Q490" s="2"/>
      <c r="R490" s="2"/>
      <c r="S490" s="2"/>
      <c r="T490" s="2"/>
      <c r="U490" s="2"/>
      <c r="V490" s="2"/>
      <c r="W490" s="2"/>
      <c r="X490" s="2"/>
      <c r="Y490" s="2"/>
      <c r="Z490" s="2"/>
      <c r="AA490" s="2"/>
      <c r="AB490" s="2"/>
      <c r="AC490" s="2"/>
      <c r="AD490" s="2"/>
      <c r="AE490" s="2"/>
      <c r="AF490" s="2"/>
      <c r="AG490" s="2"/>
      <c r="AH490" s="2"/>
      <c r="AI490" s="2"/>
      <c r="AJ490" s="2"/>
      <c r="AK490" s="2"/>
      <c r="AL490" s="2"/>
      <c r="AM490" s="2"/>
      <c r="AN490" s="2"/>
      <c r="AO490" s="2"/>
      <c r="AP490" s="2"/>
      <c r="AQ490" s="2"/>
      <c r="AR490" s="2"/>
      <c r="AS490" s="2"/>
      <c r="AT490" s="2"/>
    </row>
    <row r="491" spans="1:46" s="3" customFormat="1" ht="13.5" customHeight="1" x14ac:dyDescent="0.15">
      <c r="A491" s="3">
        <v>490</v>
      </c>
      <c r="B491" s="30" t="s">
        <v>613</v>
      </c>
      <c r="C491" s="39" t="s">
        <v>1558</v>
      </c>
      <c r="D491" s="33">
        <v>146250</v>
      </c>
      <c r="E491" s="40" t="s">
        <v>3128</v>
      </c>
      <c r="F491" s="29" t="s">
        <v>3129</v>
      </c>
      <c r="G491" s="27">
        <v>1</v>
      </c>
      <c r="H491" s="2"/>
      <c r="I491" s="2"/>
      <c r="J491" s="2"/>
      <c r="K491" s="2"/>
      <c r="L491" s="2"/>
      <c r="M491" s="2"/>
      <c r="N491" s="2"/>
      <c r="O491" s="2"/>
      <c r="P491" s="2"/>
      <c r="Q491" s="2"/>
      <c r="R491" s="2"/>
      <c r="S491" s="2"/>
      <c r="T491" s="2"/>
      <c r="U491" s="2"/>
      <c r="V491" s="2"/>
      <c r="W491" s="2"/>
      <c r="X491" s="2"/>
      <c r="Y491" s="2"/>
      <c r="Z491" s="2"/>
      <c r="AA491" s="2"/>
      <c r="AB491" s="2"/>
      <c r="AC491" s="2"/>
      <c r="AD491" s="2"/>
      <c r="AE491" s="2"/>
      <c r="AF491" s="2"/>
      <c r="AG491" s="2"/>
      <c r="AH491" s="2"/>
      <c r="AI491" s="2"/>
      <c r="AJ491" s="2"/>
      <c r="AK491" s="2"/>
      <c r="AL491" s="2"/>
      <c r="AM491" s="2"/>
      <c r="AN491" s="2"/>
      <c r="AO491" s="2"/>
      <c r="AP491" s="2"/>
      <c r="AQ491" s="2"/>
      <c r="AR491" s="2"/>
      <c r="AS491" s="2"/>
      <c r="AT491" s="2"/>
    </row>
    <row r="492" spans="1:46" s="3" customFormat="1" ht="13.5" customHeight="1" x14ac:dyDescent="0.15">
      <c r="A492" s="3">
        <v>491</v>
      </c>
      <c r="B492" s="30" t="s">
        <v>613</v>
      </c>
      <c r="C492" s="27" t="s">
        <v>3408</v>
      </c>
      <c r="D492" s="28">
        <v>147050</v>
      </c>
      <c r="E492" s="29" t="s">
        <v>3366</v>
      </c>
      <c r="F492" s="29" t="s">
        <v>3387</v>
      </c>
      <c r="G492" s="27">
        <v>7</v>
      </c>
      <c r="H492" s="2"/>
      <c r="I492" s="2"/>
      <c r="J492" s="2"/>
      <c r="K492" s="2"/>
      <c r="L492" s="2"/>
      <c r="M492" s="2"/>
      <c r="N492" s="2"/>
      <c r="O492" s="2"/>
      <c r="P492" s="2"/>
      <c r="Q492" s="2"/>
      <c r="R492" s="2"/>
      <c r="S492" s="2"/>
      <c r="T492" s="2"/>
      <c r="U492" s="2"/>
      <c r="V492" s="2"/>
      <c r="W492" s="2"/>
      <c r="X492" s="2"/>
      <c r="Y492" s="2"/>
      <c r="Z492" s="2"/>
      <c r="AA492" s="2"/>
      <c r="AB492" s="2"/>
      <c r="AC492" s="2"/>
      <c r="AD492" s="2"/>
      <c r="AE492" s="2"/>
      <c r="AF492" s="2"/>
      <c r="AG492" s="2"/>
      <c r="AH492" s="2"/>
      <c r="AI492" s="2"/>
      <c r="AJ492" s="2"/>
      <c r="AK492" s="2"/>
      <c r="AL492" s="2"/>
      <c r="AM492" s="2"/>
      <c r="AN492" s="2"/>
      <c r="AO492" s="2"/>
      <c r="AP492" s="2"/>
      <c r="AQ492" s="2"/>
      <c r="AR492" s="2"/>
      <c r="AS492" s="2"/>
      <c r="AT492" s="2"/>
    </row>
    <row r="493" spans="1:46" s="3" customFormat="1" ht="13.5" customHeight="1" x14ac:dyDescent="0.15">
      <c r="A493" s="3">
        <v>492</v>
      </c>
      <c r="B493" s="30" t="s">
        <v>613</v>
      </c>
      <c r="C493" s="27" t="s">
        <v>3408</v>
      </c>
      <c r="D493" s="28">
        <v>147120</v>
      </c>
      <c r="E493" s="29" t="s">
        <v>3373</v>
      </c>
      <c r="F493" s="29" t="s">
        <v>3394</v>
      </c>
      <c r="G493" s="27">
        <v>12</v>
      </c>
      <c r="H493" s="2"/>
      <c r="I493" s="2"/>
      <c r="J493" s="2"/>
      <c r="K493" s="2"/>
      <c r="L493" s="2"/>
      <c r="M493" s="2"/>
      <c r="N493" s="2"/>
      <c r="O493" s="2"/>
      <c r="P493" s="2"/>
      <c r="Q493" s="2"/>
      <c r="R493" s="2"/>
      <c r="S493" s="2"/>
      <c r="T493" s="2"/>
      <c r="U493" s="2"/>
      <c r="V493" s="2"/>
      <c r="W493" s="2"/>
      <c r="X493" s="2"/>
      <c r="Y493" s="2"/>
      <c r="Z493" s="2"/>
      <c r="AA493" s="2"/>
      <c r="AB493" s="2"/>
      <c r="AC493" s="2"/>
      <c r="AD493" s="2"/>
      <c r="AE493" s="2"/>
      <c r="AF493" s="2"/>
      <c r="AG493" s="2"/>
      <c r="AH493" s="2"/>
      <c r="AI493" s="2"/>
      <c r="AJ493" s="2"/>
      <c r="AK493" s="2"/>
      <c r="AL493" s="2"/>
      <c r="AM493" s="2"/>
      <c r="AN493" s="2"/>
      <c r="AO493" s="2"/>
      <c r="AP493" s="2"/>
      <c r="AQ493" s="2"/>
      <c r="AR493" s="2"/>
      <c r="AS493" s="2"/>
      <c r="AT493" s="2"/>
    </row>
    <row r="494" spans="1:46" s="3" customFormat="1" ht="13.5" customHeight="1" x14ac:dyDescent="0.15">
      <c r="A494" s="3">
        <v>493</v>
      </c>
      <c r="B494" s="30" t="s">
        <v>613</v>
      </c>
      <c r="C494" s="27" t="s">
        <v>3455</v>
      </c>
      <c r="D494" s="28">
        <v>147280</v>
      </c>
      <c r="E494" s="29" t="s">
        <v>3434</v>
      </c>
      <c r="F494" s="29" t="s">
        <v>3483</v>
      </c>
      <c r="G494" s="27">
        <v>8</v>
      </c>
      <c r="H494" s="2"/>
      <c r="I494" s="2"/>
      <c r="J494" s="2"/>
      <c r="K494" s="2"/>
      <c r="L494" s="2"/>
      <c r="M494" s="2"/>
      <c r="N494" s="2"/>
      <c r="O494" s="2"/>
      <c r="P494" s="2"/>
      <c r="Q494" s="2"/>
      <c r="R494" s="2"/>
      <c r="S494" s="2"/>
      <c r="T494" s="2"/>
      <c r="U494" s="2"/>
      <c r="V494" s="2"/>
      <c r="W494" s="2"/>
      <c r="X494" s="2"/>
      <c r="Y494" s="2"/>
      <c r="Z494" s="2"/>
      <c r="AA494" s="2"/>
      <c r="AB494" s="2"/>
      <c r="AC494" s="2"/>
      <c r="AD494" s="2"/>
      <c r="AE494" s="2"/>
      <c r="AF494" s="2"/>
      <c r="AG494" s="2"/>
      <c r="AH494" s="2"/>
      <c r="AI494" s="2"/>
      <c r="AJ494" s="2"/>
      <c r="AK494" s="2"/>
      <c r="AL494" s="2"/>
      <c r="AM494" s="2"/>
      <c r="AN494" s="2"/>
      <c r="AO494" s="2"/>
      <c r="AP494" s="2"/>
      <c r="AQ494" s="2"/>
      <c r="AR494" s="2"/>
      <c r="AS494" s="2"/>
      <c r="AT494" s="2"/>
    </row>
    <row r="495" spans="1:46" s="3" customFormat="1" ht="13.5" customHeight="1" x14ac:dyDescent="0.15">
      <c r="A495" s="3">
        <v>494</v>
      </c>
      <c r="B495" s="30" t="s">
        <v>613</v>
      </c>
      <c r="C495" s="27" t="s">
        <v>3567</v>
      </c>
      <c r="D495" s="28">
        <v>147750</v>
      </c>
      <c r="E495" s="42" t="s">
        <v>3528</v>
      </c>
      <c r="F495" s="29" t="s">
        <v>3544</v>
      </c>
      <c r="G495" s="27">
        <v>9</v>
      </c>
      <c r="H495" s="2"/>
      <c r="I495" s="2"/>
      <c r="J495" s="2"/>
      <c r="K495" s="2"/>
      <c r="L495" s="2"/>
      <c r="M495" s="2"/>
      <c r="N495" s="2"/>
      <c r="O495" s="2"/>
      <c r="P495" s="2"/>
      <c r="Q495" s="2"/>
      <c r="R495" s="2"/>
      <c r="S495" s="2"/>
      <c r="T495" s="2"/>
      <c r="U495" s="2"/>
      <c r="V495" s="2"/>
      <c r="W495" s="2"/>
      <c r="X495" s="2"/>
      <c r="Y495" s="2"/>
      <c r="Z495" s="2"/>
      <c r="AA495" s="2"/>
      <c r="AB495" s="2"/>
      <c r="AC495" s="2"/>
      <c r="AD495" s="2"/>
      <c r="AE495" s="2"/>
      <c r="AF495" s="2"/>
      <c r="AG495" s="2"/>
      <c r="AH495" s="2"/>
      <c r="AI495" s="2"/>
      <c r="AJ495" s="2"/>
      <c r="AK495" s="2"/>
      <c r="AL495" s="2"/>
      <c r="AM495" s="2"/>
      <c r="AN495" s="2"/>
      <c r="AO495" s="2"/>
      <c r="AP495" s="2"/>
      <c r="AQ495" s="2"/>
      <c r="AR495" s="2"/>
      <c r="AS495" s="2"/>
      <c r="AT495" s="2"/>
    </row>
    <row r="496" spans="1:46" s="3" customFormat="1" ht="13.5" customHeight="1" x14ac:dyDescent="0.15">
      <c r="A496" s="3">
        <v>495</v>
      </c>
      <c r="B496" s="30" t="s">
        <v>613</v>
      </c>
      <c r="C496" s="27" t="s">
        <v>3567</v>
      </c>
      <c r="D496" s="28">
        <v>147760</v>
      </c>
      <c r="E496" s="42" t="s">
        <v>3529</v>
      </c>
      <c r="F496" s="29" t="s">
        <v>3545</v>
      </c>
      <c r="G496" s="27">
        <v>12</v>
      </c>
      <c r="H496" s="2"/>
      <c r="I496" s="2"/>
      <c r="J496" s="2"/>
      <c r="K496" s="2"/>
      <c r="L496" s="2"/>
      <c r="M496" s="2"/>
      <c r="N496" s="2"/>
      <c r="O496" s="2"/>
      <c r="P496" s="2"/>
      <c r="Q496" s="2"/>
      <c r="R496" s="2"/>
      <c r="S496" s="2"/>
      <c r="T496" s="2"/>
      <c r="U496" s="2"/>
      <c r="V496" s="2"/>
      <c r="W496" s="2"/>
      <c r="X496" s="2"/>
      <c r="Y496" s="2"/>
      <c r="Z496" s="2"/>
      <c r="AA496" s="2"/>
      <c r="AB496" s="2"/>
      <c r="AC496" s="2"/>
      <c r="AD496" s="2"/>
      <c r="AE496" s="2"/>
      <c r="AF496" s="2"/>
      <c r="AG496" s="2"/>
      <c r="AH496" s="2"/>
      <c r="AI496" s="2"/>
      <c r="AJ496" s="2"/>
      <c r="AK496" s="2"/>
      <c r="AL496" s="2"/>
      <c r="AM496" s="2"/>
      <c r="AN496" s="2"/>
      <c r="AO496" s="2"/>
      <c r="AP496" s="2"/>
      <c r="AQ496" s="2"/>
      <c r="AR496" s="2"/>
      <c r="AS496" s="2"/>
      <c r="AT496" s="2"/>
    </row>
    <row r="497" spans="1:7" s="3" customFormat="1" ht="13.5" customHeight="1" x14ac:dyDescent="0.15">
      <c r="A497" s="3">
        <v>496</v>
      </c>
      <c r="B497" s="30" t="s">
        <v>613</v>
      </c>
      <c r="C497" s="27" t="s">
        <v>820</v>
      </c>
      <c r="D497" s="31">
        <v>530</v>
      </c>
      <c r="E497" s="32" t="s">
        <v>1573</v>
      </c>
      <c r="F497" s="32" t="s">
        <v>1745</v>
      </c>
      <c r="G497" s="27">
        <v>3</v>
      </c>
    </row>
    <row r="498" spans="1:7" s="3" customFormat="1" ht="13.5" customHeight="1" x14ac:dyDescent="0.15">
      <c r="A498" s="3">
        <v>497</v>
      </c>
      <c r="B498" s="30" t="s">
        <v>613</v>
      </c>
      <c r="C498" s="27" t="s">
        <v>820</v>
      </c>
      <c r="D498" s="31">
        <v>3200</v>
      </c>
      <c r="E498" s="32" t="s">
        <v>1810</v>
      </c>
      <c r="F498" s="32" t="s">
        <v>1749</v>
      </c>
      <c r="G498" s="27">
        <v>7</v>
      </c>
    </row>
    <row r="499" spans="1:7" s="3" customFormat="1" ht="13.5" customHeight="1" x14ac:dyDescent="0.15">
      <c r="A499" s="3">
        <v>498</v>
      </c>
      <c r="B499" s="30" t="s">
        <v>613</v>
      </c>
      <c r="C499" s="27" t="s">
        <v>820</v>
      </c>
      <c r="D499" s="31">
        <v>3460</v>
      </c>
      <c r="E499" s="32" t="s">
        <v>1366</v>
      </c>
      <c r="F499" s="32" t="s">
        <v>639</v>
      </c>
      <c r="G499" s="27">
        <v>8</v>
      </c>
    </row>
    <row r="500" spans="1:7" s="3" customFormat="1" ht="13.5" customHeight="1" x14ac:dyDescent="0.15">
      <c r="A500" s="3">
        <v>499</v>
      </c>
      <c r="B500" s="30" t="s">
        <v>613</v>
      </c>
      <c r="C500" s="27" t="s">
        <v>820</v>
      </c>
      <c r="D500" s="31">
        <v>6610</v>
      </c>
      <c r="E500" s="32" t="s">
        <v>1807</v>
      </c>
      <c r="F500" s="32" t="s">
        <v>1580</v>
      </c>
      <c r="G500" s="27">
        <v>12</v>
      </c>
    </row>
    <row r="501" spans="1:7" s="3" customFormat="1" ht="13.5" customHeight="1" x14ac:dyDescent="0.15">
      <c r="A501" s="3">
        <v>500</v>
      </c>
      <c r="B501" s="30" t="s">
        <v>613</v>
      </c>
      <c r="C501" s="27" t="s">
        <v>820</v>
      </c>
      <c r="D501" s="31">
        <v>6640</v>
      </c>
      <c r="E501" s="32" t="s">
        <v>1808</v>
      </c>
      <c r="F501" s="32" t="s">
        <v>1354</v>
      </c>
      <c r="G501" s="27">
        <v>12</v>
      </c>
    </row>
    <row r="502" spans="1:7" s="3" customFormat="1" ht="13.5" customHeight="1" x14ac:dyDescent="0.15">
      <c r="A502" s="3">
        <v>501</v>
      </c>
      <c r="B502" s="30" t="s">
        <v>613</v>
      </c>
      <c r="C502" s="27" t="s">
        <v>820</v>
      </c>
      <c r="D502" s="31">
        <v>7250</v>
      </c>
      <c r="E502" s="32" t="s">
        <v>2636</v>
      </c>
      <c r="F502" s="32" t="s">
        <v>3342</v>
      </c>
      <c r="G502" s="27">
        <v>9</v>
      </c>
    </row>
    <row r="503" spans="1:7" s="3" customFormat="1" ht="13.5" customHeight="1" x14ac:dyDescent="0.15">
      <c r="A503" s="3">
        <v>502</v>
      </c>
      <c r="B503" s="30" t="s">
        <v>613</v>
      </c>
      <c r="C503" s="27" t="s">
        <v>820</v>
      </c>
      <c r="D503" s="31">
        <v>8250</v>
      </c>
      <c r="E503" s="32" t="s">
        <v>1378</v>
      </c>
      <c r="F503" s="32" t="s">
        <v>1301</v>
      </c>
      <c r="G503" s="27">
        <v>5</v>
      </c>
    </row>
    <row r="504" spans="1:7" s="3" customFormat="1" ht="13.5" customHeight="1" x14ac:dyDescent="0.15">
      <c r="A504" s="3">
        <v>503</v>
      </c>
      <c r="B504" s="30" t="s">
        <v>613</v>
      </c>
      <c r="C504" s="27" t="s">
        <v>820</v>
      </c>
      <c r="D504" s="31">
        <v>9040</v>
      </c>
      <c r="E504" s="32" t="s">
        <v>1653</v>
      </c>
      <c r="F504" s="32" t="s">
        <v>1900</v>
      </c>
      <c r="G504" s="27">
        <v>6</v>
      </c>
    </row>
    <row r="505" spans="1:7" s="3" customFormat="1" ht="13.5" customHeight="1" x14ac:dyDescent="0.15">
      <c r="A505" s="3">
        <v>504</v>
      </c>
      <c r="B505" s="30" t="s">
        <v>613</v>
      </c>
      <c r="C505" s="27" t="s">
        <v>820</v>
      </c>
      <c r="D505" s="31">
        <v>10480</v>
      </c>
      <c r="E505" s="32" t="s">
        <v>788</v>
      </c>
      <c r="F505" s="32" t="s">
        <v>2047</v>
      </c>
      <c r="G505" s="27">
        <v>12</v>
      </c>
    </row>
    <row r="506" spans="1:7" s="3" customFormat="1" ht="13.5" customHeight="1" x14ac:dyDescent="0.15">
      <c r="A506" s="3">
        <v>505</v>
      </c>
      <c r="B506" s="30" t="s">
        <v>613</v>
      </c>
      <c r="C506" s="27" t="s">
        <v>820</v>
      </c>
      <c r="D506" s="31">
        <v>11240</v>
      </c>
      <c r="E506" s="32" t="s">
        <v>1819</v>
      </c>
      <c r="F506" s="32" t="s">
        <v>1747</v>
      </c>
      <c r="G506" s="27">
        <v>8</v>
      </c>
    </row>
    <row r="507" spans="1:7" s="3" customFormat="1" ht="13.5" customHeight="1" x14ac:dyDescent="0.15">
      <c r="A507" s="3">
        <v>506</v>
      </c>
      <c r="B507" s="30" t="s">
        <v>613</v>
      </c>
      <c r="C507" s="27" t="s">
        <v>820</v>
      </c>
      <c r="D507" s="31">
        <v>12110</v>
      </c>
      <c r="E507" s="32" t="s">
        <v>1335</v>
      </c>
      <c r="F507" s="32" t="s">
        <v>1746</v>
      </c>
      <c r="G507" s="27">
        <v>7</v>
      </c>
    </row>
    <row r="508" spans="1:7" s="3" customFormat="1" ht="13.5" customHeight="1" x14ac:dyDescent="0.15">
      <c r="A508" s="3">
        <v>507</v>
      </c>
      <c r="B508" s="30" t="s">
        <v>613</v>
      </c>
      <c r="C508" s="27" t="s">
        <v>820</v>
      </c>
      <c r="D508" s="31">
        <v>13930</v>
      </c>
      <c r="E508" s="32" t="s">
        <v>738</v>
      </c>
      <c r="F508" s="32" t="s">
        <v>1579</v>
      </c>
      <c r="G508" s="27">
        <v>6</v>
      </c>
    </row>
    <row r="509" spans="1:7" s="3" customFormat="1" ht="13.5" customHeight="1" x14ac:dyDescent="0.15">
      <c r="A509" s="3">
        <v>508</v>
      </c>
      <c r="B509" s="30" t="s">
        <v>613</v>
      </c>
      <c r="C509" s="27" t="s">
        <v>820</v>
      </c>
      <c r="D509" s="31">
        <v>14780</v>
      </c>
      <c r="E509" s="32" t="s">
        <v>3</v>
      </c>
      <c r="F509" s="32" t="s">
        <v>1741</v>
      </c>
      <c r="G509" s="27">
        <v>12</v>
      </c>
    </row>
    <row r="510" spans="1:7" s="3" customFormat="1" ht="13.5" customHeight="1" x14ac:dyDescent="0.15">
      <c r="A510" s="3">
        <v>509</v>
      </c>
      <c r="B510" s="30" t="s">
        <v>613</v>
      </c>
      <c r="C510" s="27" t="s">
        <v>820</v>
      </c>
      <c r="D510" s="31">
        <v>17320</v>
      </c>
      <c r="E510" s="32" t="s">
        <v>1407</v>
      </c>
      <c r="F510" s="32" t="s">
        <v>1567</v>
      </c>
      <c r="G510" s="27">
        <v>9</v>
      </c>
    </row>
    <row r="511" spans="1:7" s="3" customFormat="1" ht="13.5" customHeight="1" x14ac:dyDescent="0.15">
      <c r="A511" s="3">
        <v>510</v>
      </c>
      <c r="B511" s="30" t="s">
        <v>613</v>
      </c>
      <c r="C511" s="27" t="s">
        <v>820</v>
      </c>
      <c r="D511" s="31">
        <v>24530</v>
      </c>
      <c r="E511" s="32" t="s">
        <v>1713</v>
      </c>
      <c r="F511" s="32" t="s">
        <v>2635</v>
      </c>
      <c r="G511" s="27">
        <v>12</v>
      </c>
    </row>
    <row r="512" spans="1:7" s="3" customFormat="1" ht="13.5" customHeight="1" x14ac:dyDescent="0.15">
      <c r="A512" s="3">
        <v>511</v>
      </c>
      <c r="B512" s="30" t="s">
        <v>613</v>
      </c>
      <c r="C512" s="27" t="s">
        <v>820</v>
      </c>
      <c r="D512" s="31">
        <v>25170</v>
      </c>
      <c r="E512" s="32" t="s">
        <v>1053</v>
      </c>
      <c r="F512" s="32" t="s">
        <v>2046</v>
      </c>
      <c r="G512" s="27">
        <v>3</v>
      </c>
    </row>
    <row r="513" spans="1:7" s="3" customFormat="1" ht="13.5" customHeight="1" x14ac:dyDescent="0.15">
      <c r="A513" s="3">
        <v>512</v>
      </c>
      <c r="B513" s="30" t="s">
        <v>613</v>
      </c>
      <c r="C513" s="27" t="s">
        <v>820</v>
      </c>
      <c r="D513" s="31">
        <v>27580</v>
      </c>
      <c r="E513" s="32" t="s">
        <v>1794</v>
      </c>
      <c r="F513" s="32" t="s">
        <v>1568</v>
      </c>
      <c r="G513" s="27">
        <v>12</v>
      </c>
    </row>
    <row r="514" spans="1:7" s="3" customFormat="1" ht="13.5" customHeight="1" x14ac:dyDescent="0.15">
      <c r="A514" s="3">
        <v>513</v>
      </c>
      <c r="B514" s="30" t="s">
        <v>613</v>
      </c>
      <c r="C514" s="27" t="s">
        <v>820</v>
      </c>
      <c r="D514" s="31">
        <v>27860</v>
      </c>
      <c r="E514" s="32" t="s">
        <v>1709</v>
      </c>
      <c r="F514" s="32" t="s">
        <v>2044</v>
      </c>
      <c r="G514" s="27">
        <v>6</v>
      </c>
    </row>
    <row r="515" spans="1:7" s="3" customFormat="1" ht="13.5" customHeight="1" x14ac:dyDescent="0.15">
      <c r="A515" s="3">
        <v>514</v>
      </c>
      <c r="B515" s="30" t="s">
        <v>613</v>
      </c>
      <c r="C515" s="27" t="s">
        <v>820</v>
      </c>
      <c r="D515" s="31">
        <v>30720</v>
      </c>
      <c r="E515" s="32" t="s">
        <v>25</v>
      </c>
      <c r="F515" s="32" t="s">
        <v>1742</v>
      </c>
      <c r="G515" s="27">
        <v>5</v>
      </c>
    </row>
    <row r="516" spans="1:7" s="3" customFormat="1" ht="13.5" customHeight="1" x14ac:dyDescent="0.15">
      <c r="A516" s="3">
        <v>515</v>
      </c>
      <c r="B516" s="30" t="s">
        <v>613</v>
      </c>
      <c r="C516" s="27" t="s">
        <v>820</v>
      </c>
      <c r="D516" s="31">
        <v>30740</v>
      </c>
      <c r="E516" s="32" t="s">
        <v>1756</v>
      </c>
      <c r="F516" s="32" t="s">
        <v>1355</v>
      </c>
      <c r="G516" s="27">
        <v>6</v>
      </c>
    </row>
    <row r="517" spans="1:7" s="3" customFormat="1" ht="13.5" customHeight="1" x14ac:dyDescent="0.15">
      <c r="A517" s="3">
        <v>516</v>
      </c>
      <c r="B517" s="30" t="s">
        <v>613</v>
      </c>
      <c r="C517" s="27" t="s">
        <v>820</v>
      </c>
      <c r="D517" s="31">
        <v>31720</v>
      </c>
      <c r="E517" s="32" t="s">
        <v>929</v>
      </c>
      <c r="F517" s="32" t="s">
        <v>1744</v>
      </c>
      <c r="G517" s="27">
        <v>3</v>
      </c>
    </row>
    <row r="518" spans="1:7" s="3" customFormat="1" ht="13.5" customHeight="1" x14ac:dyDescent="0.15">
      <c r="A518" s="3">
        <v>517</v>
      </c>
      <c r="B518" s="30" t="s">
        <v>613</v>
      </c>
      <c r="C518" s="27" t="s">
        <v>820</v>
      </c>
      <c r="D518" s="31">
        <v>31730</v>
      </c>
      <c r="E518" s="32" t="s">
        <v>685</v>
      </c>
      <c r="F518" s="32" t="s">
        <v>1743</v>
      </c>
      <c r="G518" s="27">
        <v>6</v>
      </c>
    </row>
    <row r="519" spans="1:7" s="3" customFormat="1" ht="13.5" customHeight="1" x14ac:dyDescent="0.15">
      <c r="A519" s="3">
        <v>518</v>
      </c>
      <c r="B519" s="30" t="s">
        <v>613</v>
      </c>
      <c r="C519" s="27" t="s">
        <v>820</v>
      </c>
      <c r="D519" s="31">
        <v>31740</v>
      </c>
      <c r="E519" s="32" t="s">
        <v>686</v>
      </c>
      <c r="F519" s="32" t="s">
        <v>1748</v>
      </c>
      <c r="G519" s="27">
        <v>3</v>
      </c>
    </row>
    <row r="520" spans="1:7" s="3" customFormat="1" ht="13.5" customHeight="1" x14ac:dyDescent="0.15">
      <c r="A520" s="3">
        <v>519</v>
      </c>
      <c r="B520" s="30" t="s">
        <v>613</v>
      </c>
      <c r="C520" s="27" t="s">
        <v>820</v>
      </c>
      <c r="D520" s="31">
        <v>31750</v>
      </c>
      <c r="E520" s="32" t="s">
        <v>216</v>
      </c>
      <c r="F520" s="32" t="s">
        <v>217</v>
      </c>
      <c r="G520" s="27">
        <v>6</v>
      </c>
    </row>
    <row r="521" spans="1:7" s="3" customFormat="1" ht="13.5" customHeight="1" x14ac:dyDescent="0.15">
      <c r="A521" s="3">
        <v>520</v>
      </c>
      <c r="B521" s="30" t="s">
        <v>613</v>
      </c>
      <c r="C521" s="27" t="s">
        <v>820</v>
      </c>
      <c r="D521" s="31">
        <v>32800</v>
      </c>
      <c r="E521" s="32" t="s">
        <v>870</v>
      </c>
      <c r="F521" s="32" t="s">
        <v>2045</v>
      </c>
      <c r="G521" s="27">
        <v>11</v>
      </c>
    </row>
    <row r="522" spans="1:7" s="3" customFormat="1" ht="13.5" customHeight="1" x14ac:dyDescent="0.15">
      <c r="A522" s="3">
        <v>521</v>
      </c>
      <c r="B522" s="30" t="s">
        <v>613</v>
      </c>
      <c r="C522" s="27" t="s">
        <v>820</v>
      </c>
      <c r="D522" s="31">
        <v>33780</v>
      </c>
      <c r="E522" s="32" t="s">
        <v>519</v>
      </c>
      <c r="F522" s="32" t="s">
        <v>2048</v>
      </c>
      <c r="G522" s="27">
        <v>12</v>
      </c>
    </row>
    <row r="523" spans="1:7" s="3" customFormat="1" ht="13.5" customHeight="1" x14ac:dyDescent="0.15">
      <c r="A523" s="3">
        <v>522</v>
      </c>
      <c r="B523" s="30" t="s">
        <v>613</v>
      </c>
      <c r="C523" s="27" t="s">
        <v>820</v>
      </c>
      <c r="D523" s="31">
        <v>36650</v>
      </c>
      <c r="E523" s="32" t="s">
        <v>1011</v>
      </c>
      <c r="F523" s="32" t="s">
        <v>638</v>
      </c>
      <c r="G523" s="27">
        <v>5</v>
      </c>
    </row>
    <row r="524" spans="1:7" s="3" customFormat="1" ht="13.5" customHeight="1" x14ac:dyDescent="0.15">
      <c r="A524" s="3">
        <v>523</v>
      </c>
      <c r="B524" s="30" t="s">
        <v>613</v>
      </c>
      <c r="C524" s="27" t="s">
        <v>820</v>
      </c>
      <c r="D524" s="31">
        <v>36920</v>
      </c>
      <c r="E524" s="32" t="s">
        <v>1623</v>
      </c>
      <c r="F524" s="32" t="s">
        <v>1901</v>
      </c>
      <c r="G524" s="27">
        <v>5</v>
      </c>
    </row>
    <row r="525" spans="1:7" s="3" customFormat="1" ht="13.5" customHeight="1" x14ac:dyDescent="0.15">
      <c r="A525" s="3">
        <v>524</v>
      </c>
      <c r="B525" s="30" t="s">
        <v>613</v>
      </c>
      <c r="C525" s="27" t="s">
        <v>820</v>
      </c>
      <c r="D525" s="31">
        <v>38730</v>
      </c>
      <c r="E525" s="32" t="s">
        <v>3016</v>
      </c>
      <c r="F525" s="32" t="s">
        <v>1893</v>
      </c>
      <c r="G525" s="27">
        <v>5</v>
      </c>
    </row>
    <row r="526" spans="1:7" s="3" customFormat="1" ht="13.5" customHeight="1" x14ac:dyDescent="0.15">
      <c r="A526" s="3">
        <v>525</v>
      </c>
      <c r="B526" s="30" t="s">
        <v>613</v>
      </c>
      <c r="C526" s="27" t="s">
        <v>661</v>
      </c>
      <c r="D526" s="34">
        <v>40390</v>
      </c>
      <c r="E526" s="32" t="s">
        <v>3059</v>
      </c>
      <c r="F526" s="32" t="s">
        <v>397</v>
      </c>
      <c r="G526" s="27">
        <v>6</v>
      </c>
    </row>
    <row r="527" spans="1:7" s="3" customFormat="1" ht="13.5" customHeight="1" x14ac:dyDescent="0.15">
      <c r="A527" s="3">
        <v>526</v>
      </c>
      <c r="B527" s="30" t="s">
        <v>613</v>
      </c>
      <c r="C527" s="27" t="s">
        <v>1498</v>
      </c>
      <c r="D527" s="28">
        <v>41830</v>
      </c>
      <c r="E527" s="38" t="s">
        <v>1192</v>
      </c>
      <c r="F527" s="36" t="s">
        <v>2236</v>
      </c>
      <c r="G527" s="27">
        <v>6</v>
      </c>
    </row>
    <row r="528" spans="1:7" s="3" customFormat="1" ht="13.5" customHeight="1" x14ac:dyDescent="0.15">
      <c r="A528" s="3">
        <v>527</v>
      </c>
      <c r="B528" s="30" t="s">
        <v>613</v>
      </c>
      <c r="C528" s="27" t="s">
        <v>503</v>
      </c>
      <c r="D528" s="28">
        <v>42230</v>
      </c>
      <c r="E528" s="32" t="s">
        <v>504</v>
      </c>
      <c r="F528" s="29" t="s">
        <v>523</v>
      </c>
      <c r="G528" s="27">
        <v>5</v>
      </c>
    </row>
    <row r="529" spans="1:46" s="3" customFormat="1" ht="13.5" customHeight="1" x14ac:dyDescent="0.15">
      <c r="A529" s="3">
        <v>528</v>
      </c>
      <c r="B529" s="30" t="s">
        <v>613</v>
      </c>
      <c r="C529" s="27" t="s">
        <v>1498</v>
      </c>
      <c r="D529" s="34">
        <v>42940</v>
      </c>
      <c r="E529" s="32" t="s">
        <v>3100</v>
      </c>
      <c r="F529" s="32" t="s">
        <v>2167</v>
      </c>
      <c r="G529" s="27">
        <v>6</v>
      </c>
    </row>
    <row r="530" spans="1:46" s="3" customFormat="1" ht="13.5" customHeight="1" x14ac:dyDescent="0.15">
      <c r="A530" s="3">
        <v>529</v>
      </c>
      <c r="B530" s="30" t="s">
        <v>613</v>
      </c>
      <c r="C530" s="27" t="s">
        <v>503</v>
      </c>
      <c r="D530" s="31">
        <v>143870</v>
      </c>
      <c r="E530" s="32" t="s">
        <v>2480</v>
      </c>
      <c r="F530" s="32" t="s">
        <v>2481</v>
      </c>
      <c r="G530" s="27">
        <v>4</v>
      </c>
    </row>
    <row r="531" spans="1:46" s="3" customFormat="1" ht="13.5" customHeight="1" x14ac:dyDescent="0.15">
      <c r="A531" s="3">
        <v>530</v>
      </c>
      <c r="B531" s="26" t="s">
        <v>549</v>
      </c>
      <c r="C531" s="27" t="s">
        <v>503</v>
      </c>
      <c r="D531" s="28">
        <v>144570</v>
      </c>
      <c r="E531" s="45" t="s">
        <v>2714</v>
      </c>
      <c r="F531" s="45" t="s">
        <v>2722</v>
      </c>
      <c r="G531" s="39">
        <v>8</v>
      </c>
    </row>
    <row r="532" spans="1:46" s="3" customFormat="1" ht="13.5" customHeight="1" x14ac:dyDescent="0.15">
      <c r="A532" s="3">
        <v>531</v>
      </c>
      <c r="B532" s="30" t="s">
        <v>613</v>
      </c>
      <c r="C532" s="27" t="s">
        <v>1498</v>
      </c>
      <c r="D532" s="28">
        <v>144760</v>
      </c>
      <c r="E532" s="29" t="s">
        <v>2652</v>
      </c>
      <c r="F532" s="29" t="s">
        <v>2675</v>
      </c>
      <c r="G532" s="27">
        <v>2</v>
      </c>
    </row>
    <row r="533" spans="1:46" s="3" customFormat="1" ht="13.5" customHeight="1" x14ac:dyDescent="0.15">
      <c r="A533" s="3">
        <v>532</v>
      </c>
      <c r="B533" s="30" t="s">
        <v>613</v>
      </c>
      <c r="C533" s="27" t="s">
        <v>503</v>
      </c>
      <c r="D533" s="28">
        <v>145840</v>
      </c>
      <c r="E533" s="40" t="s">
        <v>2969</v>
      </c>
      <c r="F533" s="51" t="s">
        <v>2940</v>
      </c>
      <c r="G533" s="27">
        <v>2</v>
      </c>
      <c r="H533" s="2"/>
      <c r="I533" s="2"/>
      <c r="J533" s="2"/>
      <c r="K533" s="2"/>
      <c r="L533" s="2"/>
      <c r="M533" s="2"/>
      <c r="N533" s="2"/>
      <c r="O533" s="2"/>
      <c r="P533" s="2"/>
      <c r="Q533" s="2"/>
      <c r="R533" s="2"/>
      <c r="S533" s="2"/>
      <c r="T533" s="2"/>
      <c r="U533" s="2"/>
      <c r="V533" s="2"/>
      <c r="W533" s="2"/>
      <c r="X533" s="2"/>
      <c r="Y533" s="2"/>
      <c r="Z533" s="2"/>
      <c r="AA533" s="2"/>
      <c r="AB533" s="2"/>
      <c r="AC533" s="2"/>
      <c r="AD533" s="2"/>
      <c r="AE533" s="2"/>
      <c r="AF533" s="2"/>
      <c r="AG533" s="2"/>
      <c r="AH533" s="2"/>
      <c r="AI533" s="2"/>
      <c r="AJ533" s="2"/>
      <c r="AK533" s="2"/>
      <c r="AL533" s="2"/>
      <c r="AM533" s="2"/>
      <c r="AN533" s="2"/>
      <c r="AO533" s="2"/>
      <c r="AP533" s="2"/>
      <c r="AQ533" s="2"/>
      <c r="AR533" s="2"/>
      <c r="AS533" s="2"/>
      <c r="AT533" s="2"/>
    </row>
    <row r="534" spans="1:46" s="3" customFormat="1" ht="13.5" customHeight="1" x14ac:dyDescent="0.15">
      <c r="A534" s="3">
        <v>533</v>
      </c>
      <c r="B534" s="26" t="s">
        <v>549</v>
      </c>
      <c r="C534" s="27" t="s">
        <v>503</v>
      </c>
      <c r="D534" s="28">
        <v>146320</v>
      </c>
      <c r="E534" s="29" t="s">
        <v>3250</v>
      </c>
      <c r="F534" s="29" t="s">
        <v>3251</v>
      </c>
      <c r="G534" s="27">
        <v>6</v>
      </c>
      <c r="H534" s="2"/>
      <c r="I534" s="2"/>
      <c r="J534" s="2"/>
      <c r="K534" s="2"/>
      <c r="L534" s="2"/>
      <c r="M534" s="2"/>
      <c r="N534" s="2"/>
      <c r="O534" s="2"/>
      <c r="P534" s="2"/>
      <c r="Q534" s="2"/>
      <c r="R534" s="2"/>
      <c r="S534" s="2"/>
      <c r="T534" s="2"/>
      <c r="U534" s="2"/>
      <c r="V534" s="2"/>
      <c r="W534" s="2"/>
      <c r="X534" s="2"/>
      <c r="Y534" s="2"/>
      <c r="Z534" s="2"/>
      <c r="AA534" s="2"/>
      <c r="AB534" s="2"/>
      <c r="AC534" s="2"/>
      <c r="AD534" s="2"/>
      <c r="AE534" s="2"/>
      <c r="AF534" s="2"/>
      <c r="AG534" s="2"/>
      <c r="AH534" s="2"/>
      <c r="AI534" s="2"/>
      <c r="AJ534" s="2"/>
      <c r="AK534" s="2"/>
      <c r="AL534" s="2"/>
      <c r="AM534" s="2"/>
      <c r="AN534" s="2"/>
      <c r="AO534" s="2"/>
      <c r="AP534" s="2"/>
      <c r="AQ534" s="2"/>
      <c r="AR534" s="2"/>
      <c r="AS534" s="2"/>
      <c r="AT534" s="2"/>
    </row>
    <row r="535" spans="1:46" s="3" customFormat="1" ht="13.5" customHeight="1" x14ac:dyDescent="0.15">
      <c r="A535" s="3">
        <v>534</v>
      </c>
      <c r="B535" s="30" t="s">
        <v>613</v>
      </c>
      <c r="C535" s="27" t="s">
        <v>3409</v>
      </c>
      <c r="D535" s="28">
        <v>147060</v>
      </c>
      <c r="E535" s="29" t="s">
        <v>3367</v>
      </c>
      <c r="F535" s="29" t="s">
        <v>3388</v>
      </c>
      <c r="G535" s="27">
        <v>8</v>
      </c>
      <c r="H535" s="2"/>
      <c r="I535" s="2"/>
      <c r="J535" s="2"/>
      <c r="K535" s="2"/>
      <c r="L535" s="2"/>
      <c r="M535" s="2"/>
      <c r="N535" s="2"/>
      <c r="O535" s="2"/>
      <c r="P535" s="2"/>
      <c r="Q535" s="2"/>
      <c r="R535" s="2"/>
      <c r="S535" s="2"/>
      <c r="T535" s="2"/>
      <c r="U535" s="2"/>
      <c r="V535" s="2"/>
      <c r="W535" s="2"/>
      <c r="X535" s="2"/>
      <c r="Y535" s="2"/>
      <c r="Z535" s="2"/>
      <c r="AA535" s="2"/>
      <c r="AB535" s="2"/>
      <c r="AC535" s="2"/>
      <c r="AD535" s="2"/>
      <c r="AE535" s="2"/>
      <c r="AF535" s="2"/>
      <c r="AG535" s="2"/>
      <c r="AH535" s="2"/>
      <c r="AI535" s="2"/>
      <c r="AJ535" s="2"/>
      <c r="AK535" s="2"/>
      <c r="AL535" s="2"/>
      <c r="AM535" s="2"/>
      <c r="AN535" s="2"/>
      <c r="AO535" s="2"/>
      <c r="AP535" s="2"/>
      <c r="AQ535" s="2"/>
      <c r="AR535" s="2"/>
      <c r="AS535" s="2"/>
      <c r="AT535" s="2"/>
    </row>
    <row r="536" spans="1:46" s="3" customFormat="1" ht="13.5" customHeight="1" x14ac:dyDescent="0.15">
      <c r="A536" s="3">
        <v>535</v>
      </c>
      <c r="B536" s="26" t="s">
        <v>1051</v>
      </c>
      <c r="C536" s="27" t="s">
        <v>1989</v>
      </c>
      <c r="D536" s="28">
        <v>211</v>
      </c>
      <c r="E536" s="29" t="s">
        <v>1660</v>
      </c>
      <c r="F536" s="29" t="s">
        <v>1000</v>
      </c>
      <c r="G536" s="27">
        <v>3</v>
      </c>
      <c r="H536" s="2"/>
      <c r="I536" s="2"/>
      <c r="J536" s="2"/>
      <c r="K536" s="2"/>
      <c r="L536" s="2"/>
      <c r="M536" s="2"/>
      <c r="N536" s="2"/>
      <c r="O536" s="2"/>
      <c r="P536" s="2"/>
      <c r="Q536" s="2"/>
      <c r="R536" s="2"/>
      <c r="S536" s="2"/>
      <c r="T536" s="2"/>
      <c r="U536" s="2"/>
      <c r="V536" s="2"/>
      <c r="W536" s="2"/>
      <c r="X536" s="2"/>
      <c r="Y536" s="2"/>
      <c r="Z536" s="2"/>
      <c r="AA536" s="2"/>
      <c r="AB536" s="2"/>
      <c r="AC536" s="2"/>
      <c r="AD536" s="2"/>
      <c r="AE536" s="2"/>
      <c r="AF536" s="2"/>
      <c r="AG536" s="2"/>
      <c r="AH536" s="2"/>
      <c r="AI536" s="2"/>
      <c r="AJ536" s="2"/>
      <c r="AK536" s="2"/>
      <c r="AL536" s="2"/>
      <c r="AM536" s="2"/>
      <c r="AN536" s="2"/>
      <c r="AO536" s="2"/>
      <c r="AP536" s="2"/>
      <c r="AQ536" s="2"/>
      <c r="AR536" s="2"/>
      <c r="AS536" s="2"/>
      <c r="AT536" s="2"/>
    </row>
    <row r="537" spans="1:46" s="3" customFormat="1" ht="13.5" customHeight="1" x14ac:dyDescent="0.15">
      <c r="A537" s="3">
        <v>536</v>
      </c>
      <c r="B537" s="30" t="s">
        <v>613</v>
      </c>
      <c r="C537" s="27" t="s">
        <v>1989</v>
      </c>
      <c r="D537" s="31">
        <v>4160</v>
      </c>
      <c r="E537" s="32" t="s">
        <v>960</v>
      </c>
      <c r="F537" s="32" t="s">
        <v>1455</v>
      </c>
      <c r="G537" s="27">
        <v>12</v>
      </c>
    </row>
    <row r="538" spans="1:46" s="3" customFormat="1" ht="13.5" customHeight="1" x14ac:dyDescent="0.15">
      <c r="A538" s="3">
        <v>537</v>
      </c>
      <c r="B538" s="30" t="s">
        <v>613</v>
      </c>
      <c r="C538" s="27" t="s">
        <v>1989</v>
      </c>
      <c r="D538" s="31">
        <v>4280</v>
      </c>
      <c r="E538" s="32" t="s">
        <v>1525</v>
      </c>
      <c r="F538" s="32" t="s">
        <v>1347</v>
      </c>
      <c r="G538" s="27">
        <v>6</v>
      </c>
    </row>
    <row r="539" spans="1:46" s="3" customFormat="1" ht="13.5" customHeight="1" x14ac:dyDescent="0.15">
      <c r="A539" s="3">
        <v>538</v>
      </c>
      <c r="B539" s="30" t="s">
        <v>613</v>
      </c>
      <c r="C539" s="27" t="s">
        <v>1989</v>
      </c>
      <c r="D539" s="31">
        <v>4910</v>
      </c>
      <c r="E539" s="32" t="s">
        <v>1537</v>
      </c>
      <c r="F539" s="32" t="s">
        <v>1306</v>
      </c>
      <c r="G539" s="27">
        <v>3</v>
      </c>
    </row>
    <row r="540" spans="1:46" s="3" customFormat="1" ht="13.5" customHeight="1" x14ac:dyDescent="0.15">
      <c r="A540" s="3">
        <v>539</v>
      </c>
      <c r="B540" s="30" t="s">
        <v>613</v>
      </c>
      <c r="C540" s="27" t="s">
        <v>1989</v>
      </c>
      <c r="D540" s="31">
        <v>8170</v>
      </c>
      <c r="E540" s="32" t="s">
        <v>1575</v>
      </c>
      <c r="F540" s="32" t="s">
        <v>1951</v>
      </c>
      <c r="G540" s="27">
        <v>8</v>
      </c>
    </row>
    <row r="541" spans="1:46" s="3" customFormat="1" ht="13.5" customHeight="1" x14ac:dyDescent="0.15">
      <c r="A541" s="3">
        <v>540</v>
      </c>
      <c r="B541" s="30" t="s">
        <v>613</v>
      </c>
      <c r="C541" s="27" t="s">
        <v>1989</v>
      </c>
      <c r="D541" s="31">
        <v>9270</v>
      </c>
      <c r="E541" s="32" t="s">
        <v>260</v>
      </c>
      <c r="F541" s="32" t="s">
        <v>1904</v>
      </c>
      <c r="G541" s="27">
        <v>9</v>
      </c>
    </row>
    <row r="542" spans="1:46" s="3" customFormat="1" ht="13.5" customHeight="1" x14ac:dyDescent="0.15">
      <c r="A542" s="3">
        <v>541</v>
      </c>
      <c r="B542" s="30" t="s">
        <v>613</v>
      </c>
      <c r="C542" s="27" t="s">
        <v>1989</v>
      </c>
      <c r="D542" s="31">
        <v>10330</v>
      </c>
      <c r="E542" s="32" t="s">
        <v>615</v>
      </c>
      <c r="F542" s="32" t="s">
        <v>2125</v>
      </c>
      <c r="G542" s="27">
        <v>12</v>
      </c>
    </row>
    <row r="543" spans="1:46" s="3" customFormat="1" ht="13.5" customHeight="1" x14ac:dyDescent="0.15">
      <c r="A543" s="3">
        <v>542</v>
      </c>
      <c r="B543" s="30" t="s">
        <v>613</v>
      </c>
      <c r="C543" s="27" t="s">
        <v>1989</v>
      </c>
      <c r="D543" s="31">
        <v>13310</v>
      </c>
      <c r="E543" s="32" t="s">
        <v>551</v>
      </c>
      <c r="F543" s="32" t="s">
        <v>1350</v>
      </c>
      <c r="G543" s="27">
        <v>6</v>
      </c>
    </row>
    <row r="544" spans="1:46" s="3" customFormat="1" ht="13.5" customHeight="1" x14ac:dyDescent="0.15">
      <c r="A544" s="3">
        <v>543</v>
      </c>
      <c r="B544" s="30" t="s">
        <v>613</v>
      </c>
      <c r="C544" s="27" t="s">
        <v>1989</v>
      </c>
      <c r="D544" s="31">
        <v>13460</v>
      </c>
      <c r="E544" s="32" t="s">
        <v>1899</v>
      </c>
      <c r="F544" s="32" t="s">
        <v>2124</v>
      </c>
      <c r="G544" s="27">
        <v>6</v>
      </c>
    </row>
    <row r="545" spans="1:46" s="3" customFormat="1" ht="13.5" customHeight="1" x14ac:dyDescent="0.15">
      <c r="A545" s="3">
        <v>544</v>
      </c>
      <c r="B545" s="30" t="s">
        <v>613</v>
      </c>
      <c r="C545" s="27" t="s">
        <v>1989</v>
      </c>
      <c r="D545" s="31">
        <v>14380</v>
      </c>
      <c r="E545" s="32" t="s">
        <v>140</v>
      </c>
      <c r="F545" s="32" t="s">
        <v>1356</v>
      </c>
      <c r="G545" s="27">
        <v>6</v>
      </c>
    </row>
    <row r="546" spans="1:46" s="3" customFormat="1" ht="13.5" customHeight="1" x14ac:dyDescent="0.15">
      <c r="A546" s="3">
        <v>545</v>
      </c>
      <c r="B546" s="30" t="s">
        <v>613</v>
      </c>
      <c r="C546" s="27" t="s">
        <v>1989</v>
      </c>
      <c r="D546" s="31">
        <v>16000</v>
      </c>
      <c r="E546" s="32" t="s">
        <v>1075</v>
      </c>
      <c r="F546" s="32" t="s">
        <v>1304</v>
      </c>
      <c r="G546" s="27">
        <v>6</v>
      </c>
    </row>
    <row r="547" spans="1:46" s="3" customFormat="1" ht="13.5" customHeight="1" x14ac:dyDescent="0.15">
      <c r="A547" s="3">
        <v>546</v>
      </c>
      <c r="B547" s="30" t="s">
        <v>613</v>
      </c>
      <c r="C547" s="27" t="s">
        <v>1989</v>
      </c>
      <c r="D547" s="31">
        <v>16160</v>
      </c>
      <c r="E547" s="32" t="s">
        <v>1077</v>
      </c>
      <c r="F547" s="32" t="s">
        <v>1952</v>
      </c>
      <c r="G547" s="27">
        <v>12</v>
      </c>
    </row>
    <row r="548" spans="1:46" s="3" customFormat="1" ht="13.5" customHeight="1" x14ac:dyDescent="0.15">
      <c r="A548" s="3">
        <v>547</v>
      </c>
      <c r="B548" s="30" t="s">
        <v>613</v>
      </c>
      <c r="C548" s="27" t="s">
        <v>1989</v>
      </c>
      <c r="D548" s="31">
        <v>21480</v>
      </c>
      <c r="E548" s="32" t="s">
        <v>1472</v>
      </c>
      <c r="F548" s="32" t="s">
        <v>1349</v>
      </c>
      <c r="G548" s="27">
        <v>7</v>
      </c>
    </row>
    <row r="549" spans="1:46" s="3" customFormat="1" ht="13.5" customHeight="1" x14ac:dyDescent="0.15">
      <c r="A549" s="3">
        <v>548</v>
      </c>
      <c r="B549" s="30" t="s">
        <v>613</v>
      </c>
      <c r="C549" s="27" t="s">
        <v>1989</v>
      </c>
      <c r="D549" s="31">
        <v>21490</v>
      </c>
      <c r="E549" s="32" t="s">
        <v>1473</v>
      </c>
      <c r="F549" s="32" t="s">
        <v>1005</v>
      </c>
      <c r="G549" s="27">
        <v>12</v>
      </c>
    </row>
    <row r="550" spans="1:46" s="3" customFormat="1" ht="13.5" customHeight="1" x14ac:dyDescent="0.15">
      <c r="A550" s="3">
        <v>549</v>
      </c>
      <c r="B550" s="30" t="s">
        <v>613</v>
      </c>
      <c r="C550" s="27" t="s">
        <v>1989</v>
      </c>
      <c r="D550" s="31">
        <v>24540</v>
      </c>
      <c r="E550" s="32" t="s">
        <v>656</v>
      </c>
      <c r="F550" s="32" t="s">
        <v>1906</v>
      </c>
      <c r="G550" s="27">
        <v>7</v>
      </c>
    </row>
    <row r="551" spans="1:46" s="3" customFormat="1" ht="13.5" customHeight="1" x14ac:dyDescent="0.15">
      <c r="A551" s="3">
        <v>550</v>
      </c>
      <c r="B551" s="30" t="s">
        <v>613</v>
      </c>
      <c r="C551" s="27" t="s">
        <v>1989</v>
      </c>
      <c r="D551" s="31">
        <v>26520</v>
      </c>
      <c r="E551" s="32" t="s">
        <v>941</v>
      </c>
      <c r="F551" s="32" t="s">
        <v>1905</v>
      </c>
      <c r="G551" s="27">
        <v>2</v>
      </c>
      <c r="H551" s="2"/>
      <c r="I551" s="2"/>
      <c r="J551" s="2"/>
      <c r="K551" s="2"/>
      <c r="L551" s="2"/>
      <c r="M551" s="2"/>
      <c r="N551" s="2"/>
      <c r="O551" s="2"/>
      <c r="P551" s="2"/>
      <c r="Q551" s="2"/>
      <c r="R551" s="2"/>
      <c r="S551" s="2"/>
      <c r="T551" s="2"/>
      <c r="U551" s="2"/>
      <c r="V551" s="2"/>
      <c r="W551" s="2"/>
      <c r="X551" s="2"/>
      <c r="Y551" s="2"/>
      <c r="Z551" s="2"/>
      <c r="AA551" s="2"/>
      <c r="AB551" s="2"/>
      <c r="AC551" s="2"/>
      <c r="AD551" s="2"/>
      <c r="AE551" s="2"/>
      <c r="AF551" s="2"/>
      <c r="AG551" s="2"/>
      <c r="AH551" s="2"/>
      <c r="AI551" s="2"/>
      <c r="AJ551" s="2"/>
      <c r="AK551" s="2"/>
      <c r="AL551" s="2"/>
      <c r="AM551" s="2"/>
      <c r="AN551" s="2"/>
      <c r="AO551" s="2"/>
      <c r="AP551" s="2"/>
      <c r="AQ551" s="2"/>
      <c r="AR551" s="2"/>
      <c r="AS551" s="2"/>
      <c r="AT551" s="2"/>
    </row>
    <row r="552" spans="1:46" s="3" customFormat="1" ht="13.5" customHeight="1" x14ac:dyDescent="0.15">
      <c r="A552" s="3">
        <v>551</v>
      </c>
      <c r="B552" s="30" t="s">
        <v>613</v>
      </c>
      <c r="C552" s="27" t="s">
        <v>1989</v>
      </c>
      <c r="D552" s="31">
        <v>26610</v>
      </c>
      <c r="E552" s="32" t="s">
        <v>944</v>
      </c>
      <c r="F552" s="32" t="s">
        <v>1903</v>
      </c>
      <c r="G552" s="27">
        <v>3</v>
      </c>
    </row>
    <row r="553" spans="1:46" s="3" customFormat="1" ht="13.5" customHeight="1" x14ac:dyDescent="0.15">
      <c r="A553" s="3">
        <v>552</v>
      </c>
      <c r="B553" s="30" t="s">
        <v>613</v>
      </c>
      <c r="C553" s="27" t="s">
        <v>1989</v>
      </c>
      <c r="D553" s="31">
        <v>28570</v>
      </c>
      <c r="E553" s="32" t="s">
        <v>1099</v>
      </c>
      <c r="F553" s="32" t="s">
        <v>1307</v>
      </c>
      <c r="G553" s="27">
        <v>7</v>
      </c>
    </row>
    <row r="554" spans="1:46" s="3" customFormat="1" ht="13.5" customHeight="1" x14ac:dyDescent="0.15">
      <c r="A554" s="3">
        <v>553</v>
      </c>
      <c r="B554" s="30" t="s">
        <v>613</v>
      </c>
      <c r="C554" s="27" t="s">
        <v>633</v>
      </c>
      <c r="D554" s="28">
        <v>30470</v>
      </c>
      <c r="E554" s="29" t="s">
        <v>634</v>
      </c>
      <c r="F554" s="32" t="s">
        <v>1725</v>
      </c>
      <c r="G554" s="27">
        <v>3</v>
      </c>
    </row>
    <row r="555" spans="1:46" s="3" customFormat="1" ht="13.5" customHeight="1" x14ac:dyDescent="0.15">
      <c r="A555" s="3">
        <v>554</v>
      </c>
      <c r="B555" s="30" t="s">
        <v>613</v>
      </c>
      <c r="C555" s="27" t="s">
        <v>1989</v>
      </c>
      <c r="D555" s="31">
        <v>30750</v>
      </c>
      <c r="E555" s="32" t="s">
        <v>1757</v>
      </c>
      <c r="F555" s="32" t="s">
        <v>1348</v>
      </c>
      <c r="G555" s="27">
        <v>1</v>
      </c>
    </row>
    <row r="556" spans="1:46" s="3" customFormat="1" ht="13.5" customHeight="1" x14ac:dyDescent="0.15">
      <c r="A556" s="3">
        <v>555</v>
      </c>
      <c r="B556" s="30" t="s">
        <v>613</v>
      </c>
      <c r="C556" s="27" t="s">
        <v>1989</v>
      </c>
      <c r="D556" s="31">
        <v>31760</v>
      </c>
      <c r="E556" s="32" t="s">
        <v>1501</v>
      </c>
      <c r="F556" s="32" t="s">
        <v>1351</v>
      </c>
      <c r="G556" s="27">
        <v>2</v>
      </c>
    </row>
    <row r="557" spans="1:46" s="3" customFormat="1" ht="13.5" customHeight="1" x14ac:dyDescent="0.15">
      <c r="A557" s="3">
        <v>556</v>
      </c>
      <c r="B557" s="30" t="s">
        <v>613</v>
      </c>
      <c r="C557" s="27" t="s">
        <v>1989</v>
      </c>
      <c r="D557" s="31">
        <v>31770</v>
      </c>
      <c r="E557" s="32" t="s">
        <v>1502</v>
      </c>
      <c r="F557" s="32" t="s">
        <v>1346</v>
      </c>
      <c r="G557" s="27">
        <v>6</v>
      </c>
    </row>
    <row r="558" spans="1:46" s="3" customFormat="1" ht="13.5" customHeight="1" x14ac:dyDescent="0.15">
      <c r="A558" s="3">
        <v>557</v>
      </c>
      <c r="B558" s="30" t="s">
        <v>613</v>
      </c>
      <c r="C558" s="27" t="s">
        <v>1989</v>
      </c>
      <c r="D558" s="31">
        <v>32850</v>
      </c>
      <c r="E558" s="32" t="s">
        <v>874</v>
      </c>
      <c r="F558" s="32" t="s">
        <v>1902</v>
      </c>
      <c r="G558" s="27">
        <v>6</v>
      </c>
    </row>
    <row r="559" spans="1:46" s="3" customFormat="1" ht="13.5" customHeight="1" x14ac:dyDescent="0.15">
      <c r="A559" s="3">
        <v>558</v>
      </c>
      <c r="B559" s="30" t="s">
        <v>613</v>
      </c>
      <c r="C559" s="27" t="s">
        <v>1989</v>
      </c>
      <c r="D559" s="31">
        <v>39360</v>
      </c>
      <c r="E559" s="32" t="s">
        <v>3038</v>
      </c>
      <c r="F559" s="32" t="s">
        <v>1302</v>
      </c>
      <c r="G559" s="27">
        <v>6</v>
      </c>
    </row>
    <row r="560" spans="1:46" s="3" customFormat="1" ht="13.5" customHeight="1" x14ac:dyDescent="0.15">
      <c r="A560" s="3">
        <v>559</v>
      </c>
      <c r="B560" s="30" t="s">
        <v>613</v>
      </c>
      <c r="C560" s="27" t="s">
        <v>1989</v>
      </c>
      <c r="D560" s="31">
        <v>39440</v>
      </c>
      <c r="E560" s="32" t="s">
        <v>347</v>
      </c>
      <c r="F560" s="32" t="s">
        <v>1303</v>
      </c>
      <c r="G560" s="27">
        <v>6</v>
      </c>
    </row>
    <row r="561" spans="1:46" s="3" customFormat="1" ht="13.5" customHeight="1" x14ac:dyDescent="0.15">
      <c r="A561" s="3">
        <v>560</v>
      </c>
      <c r="B561" s="30" t="s">
        <v>613</v>
      </c>
      <c r="C561" s="27" t="s">
        <v>1305</v>
      </c>
      <c r="D561" s="34">
        <v>40710</v>
      </c>
      <c r="E561" s="32" t="s">
        <v>3071</v>
      </c>
      <c r="F561" s="32" t="s">
        <v>1308</v>
      </c>
      <c r="G561" s="27">
        <v>7</v>
      </c>
    </row>
    <row r="562" spans="1:46" s="3" customFormat="1" ht="13.5" customHeight="1" x14ac:dyDescent="0.15">
      <c r="A562" s="3">
        <v>561</v>
      </c>
      <c r="B562" s="30" t="s">
        <v>613</v>
      </c>
      <c r="C562" s="44" t="s">
        <v>1305</v>
      </c>
      <c r="D562" s="28">
        <v>41160</v>
      </c>
      <c r="E562" s="29" t="s">
        <v>2866</v>
      </c>
      <c r="F562" s="32" t="s">
        <v>1352</v>
      </c>
      <c r="G562" s="27">
        <v>6</v>
      </c>
    </row>
    <row r="563" spans="1:46" s="3" customFormat="1" ht="13.5" customHeight="1" x14ac:dyDescent="0.15">
      <c r="A563" s="3">
        <v>562</v>
      </c>
      <c r="B563" s="30" t="s">
        <v>613</v>
      </c>
      <c r="C563" s="27" t="s">
        <v>136</v>
      </c>
      <c r="D563" s="28">
        <v>41260</v>
      </c>
      <c r="E563" s="32" t="s">
        <v>137</v>
      </c>
      <c r="F563" s="32" t="s">
        <v>2580</v>
      </c>
      <c r="G563" s="27">
        <v>12</v>
      </c>
    </row>
    <row r="564" spans="1:46" s="3" customFormat="1" ht="13.5" customHeight="1" x14ac:dyDescent="0.15">
      <c r="A564" s="3">
        <v>563</v>
      </c>
      <c r="B564" s="30" t="s">
        <v>613</v>
      </c>
      <c r="C564" s="27" t="s">
        <v>633</v>
      </c>
      <c r="D564" s="34">
        <v>143190</v>
      </c>
      <c r="E564" s="32" t="s">
        <v>2331</v>
      </c>
      <c r="F564" s="32" t="s">
        <v>2332</v>
      </c>
      <c r="G564" s="27">
        <v>12</v>
      </c>
    </row>
    <row r="565" spans="1:46" s="3" customFormat="1" ht="13.5" customHeight="1" x14ac:dyDescent="0.15">
      <c r="A565" s="3">
        <v>564</v>
      </c>
      <c r="B565" s="26" t="s">
        <v>549</v>
      </c>
      <c r="C565" s="27" t="s">
        <v>633</v>
      </c>
      <c r="D565" s="28">
        <v>144490</v>
      </c>
      <c r="E565" s="29" t="s">
        <v>2599</v>
      </c>
      <c r="F565" s="29" t="s">
        <v>2608</v>
      </c>
      <c r="G565" s="39">
        <v>8</v>
      </c>
    </row>
    <row r="566" spans="1:46" s="3" customFormat="1" ht="13.5" customHeight="1" x14ac:dyDescent="0.15">
      <c r="A566" s="3">
        <v>565</v>
      </c>
      <c r="B566" s="26" t="s">
        <v>549</v>
      </c>
      <c r="C566" s="27" t="s">
        <v>633</v>
      </c>
      <c r="D566" s="28">
        <v>144500</v>
      </c>
      <c r="E566" s="29" t="s">
        <v>2785</v>
      </c>
      <c r="F566" s="29" t="s">
        <v>2609</v>
      </c>
      <c r="G566" s="39">
        <v>8</v>
      </c>
    </row>
    <row r="567" spans="1:46" s="3" customFormat="1" ht="13.5" customHeight="1" x14ac:dyDescent="0.15">
      <c r="A567" s="3">
        <v>566</v>
      </c>
      <c r="B567" s="26" t="s">
        <v>549</v>
      </c>
      <c r="C567" s="27" t="s">
        <v>633</v>
      </c>
      <c r="D567" s="28">
        <v>144580</v>
      </c>
      <c r="E567" s="45" t="s">
        <v>2715</v>
      </c>
      <c r="F567" s="45" t="s">
        <v>2723</v>
      </c>
      <c r="G567" s="39">
        <v>3</v>
      </c>
    </row>
    <row r="568" spans="1:46" s="3" customFormat="1" ht="13.5" customHeight="1" x14ac:dyDescent="0.15">
      <c r="A568" s="3">
        <v>567</v>
      </c>
      <c r="B568" s="30" t="s">
        <v>613</v>
      </c>
      <c r="C568" s="27" t="s">
        <v>633</v>
      </c>
      <c r="D568" s="28">
        <v>145120</v>
      </c>
      <c r="E568" s="29" t="s">
        <v>2770</v>
      </c>
      <c r="F568" s="40" t="s">
        <v>2738</v>
      </c>
      <c r="G568" s="39">
        <v>6</v>
      </c>
    </row>
    <row r="569" spans="1:46" s="3" customFormat="1" ht="13.5" customHeight="1" x14ac:dyDescent="0.15">
      <c r="A569" s="3">
        <v>568</v>
      </c>
      <c r="B569" s="30" t="s">
        <v>613</v>
      </c>
      <c r="C569" s="27" t="s">
        <v>1305</v>
      </c>
      <c r="D569" s="31">
        <v>145400</v>
      </c>
      <c r="E569" s="29" t="s">
        <v>2839</v>
      </c>
      <c r="F569" s="40" t="s">
        <v>2811</v>
      </c>
      <c r="G569" s="27">
        <v>6</v>
      </c>
    </row>
    <row r="570" spans="1:46" s="3" customFormat="1" ht="13.5" customHeight="1" x14ac:dyDescent="0.15">
      <c r="A570" s="3">
        <v>569</v>
      </c>
      <c r="B570" s="26" t="s">
        <v>3243</v>
      </c>
      <c r="C570" s="27" t="s">
        <v>3247</v>
      </c>
      <c r="D570" s="33">
        <v>146300</v>
      </c>
      <c r="E570" s="29" t="s">
        <v>3248</v>
      </c>
      <c r="F570" s="29" t="s">
        <v>3249</v>
      </c>
      <c r="G570" s="27">
        <v>8</v>
      </c>
      <c r="H570" s="2"/>
      <c r="I570" s="2"/>
      <c r="J570" s="2"/>
      <c r="K570" s="2"/>
      <c r="L570" s="2"/>
      <c r="M570" s="2"/>
      <c r="N570" s="2"/>
      <c r="O570" s="2"/>
      <c r="P570" s="2"/>
      <c r="Q570" s="2"/>
      <c r="R570" s="2"/>
      <c r="S570" s="2"/>
      <c r="T570" s="2"/>
      <c r="U570" s="2"/>
      <c r="V570" s="2"/>
      <c r="W570" s="2"/>
      <c r="X570" s="2"/>
      <c r="Y570" s="2"/>
      <c r="Z570" s="2"/>
      <c r="AA570" s="2"/>
      <c r="AB570" s="2"/>
      <c r="AC570" s="2"/>
      <c r="AD570" s="2"/>
      <c r="AE570" s="2"/>
      <c r="AF570" s="2"/>
      <c r="AG570" s="2"/>
      <c r="AH570" s="2"/>
      <c r="AI570" s="2"/>
      <c r="AJ570" s="2"/>
      <c r="AK570" s="2"/>
      <c r="AL570" s="2"/>
      <c r="AM570" s="2"/>
      <c r="AN570" s="2"/>
      <c r="AO570" s="2"/>
      <c r="AP570" s="2"/>
      <c r="AQ570" s="2"/>
      <c r="AR570" s="2"/>
      <c r="AS570" s="2"/>
      <c r="AT570" s="2"/>
    </row>
    <row r="571" spans="1:46" s="3" customFormat="1" ht="13.5" customHeight="1" x14ac:dyDescent="0.15">
      <c r="A571" s="3">
        <v>570</v>
      </c>
      <c r="B571" s="30" t="s">
        <v>613</v>
      </c>
      <c r="C571" s="27" t="s">
        <v>3505</v>
      </c>
      <c r="D571" s="28">
        <v>147530</v>
      </c>
      <c r="E571" s="29" t="s">
        <v>3504</v>
      </c>
      <c r="F571" s="29" t="s">
        <v>3506</v>
      </c>
      <c r="G571" s="27">
        <v>2</v>
      </c>
      <c r="H571" s="2"/>
      <c r="I571" s="2"/>
      <c r="J571" s="2"/>
      <c r="K571" s="2"/>
      <c r="L571" s="2"/>
      <c r="M571" s="2"/>
      <c r="N571" s="2"/>
      <c r="O571" s="2"/>
      <c r="P571" s="2"/>
      <c r="Q571" s="2"/>
      <c r="R571" s="2"/>
      <c r="S571" s="2"/>
      <c r="T571" s="2"/>
      <c r="U571" s="2"/>
      <c r="V571" s="2"/>
      <c r="W571" s="2"/>
      <c r="X571" s="2"/>
      <c r="Y571" s="2"/>
      <c r="Z571" s="2"/>
      <c r="AA571" s="2"/>
      <c r="AB571" s="2"/>
      <c r="AC571" s="2"/>
      <c r="AD571" s="2"/>
      <c r="AE571" s="2"/>
      <c r="AF571" s="2"/>
      <c r="AG571" s="2"/>
      <c r="AH571" s="2"/>
      <c r="AI571" s="2"/>
      <c r="AJ571" s="2"/>
      <c r="AK571" s="2"/>
      <c r="AL571" s="2"/>
      <c r="AM571" s="2"/>
      <c r="AN571" s="2"/>
      <c r="AO571" s="2"/>
      <c r="AP571" s="2"/>
      <c r="AQ571" s="2"/>
      <c r="AR571" s="2"/>
      <c r="AS571" s="2"/>
      <c r="AT571" s="2"/>
    </row>
    <row r="572" spans="1:46" s="3" customFormat="1" ht="13.5" customHeight="1" x14ac:dyDescent="0.15">
      <c r="A572" s="3">
        <v>571</v>
      </c>
      <c r="B572" s="30" t="s">
        <v>613</v>
      </c>
      <c r="C572" s="27" t="s">
        <v>3558</v>
      </c>
      <c r="D572" s="28">
        <v>147550</v>
      </c>
      <c r="E572" s="42" t="s">
        <v>3508</v>
      </c>
      <c r="F572" s="29" t="s">
        <v>3548</v>
      </c>
      <c r="G572" s="27">
        <v>4</v>
      </c>
      <c r="H572" s="2"/>
      <c r="I572" s="2"/>
      <c r="J572" s="2"/>
      <c r="K572" s="2"/>
      <c r="L572" s="2"/>
      <c r="M572" s="2"/>
      <c r="N572" s="2"/>
      <c r="O572" s="2"/>
      <c r="P572" s="2"/>
      <c r="Q572" s="2"/>
      <c r="R572" s="2"/>
      <c r="S572" s="2"/>
      <c r="T572" s="2"/>
      <c r="U572" s="2"/>
      <c r="V572" s="2"/>
      <c r="W572" s="2"/>
      <c r="X572" s="2"/>
      <c r="Y572" s="2"/>
      <c r="Z572" s="2"/>
      <c r="AA572" s="2"/>
      <c r="AB572" s="2"/>
      <c r="AC572" s="2"/>
      <c r="AD572" s="2"/>
      <c r="AE572" s="2"/>
      <c r="AF572" s="2"/>
      <c r="AG572" s="2"/>
      <c r="AH572" s="2"/>
      <c r="AI572" s="2"/>
      <c r="AJ572" s="2"/>
      <c r="AK572" s="2"/>
      <c r="AL572" s="2"/>
      <c r="AM572" s="2"/>
      <c r="AN572" s="2"/>
      <c r="AO572" s="2"/>
      <c r="AP572" s="2"/>
      <c r="AQ572" s="2"/>
      <c r="AR572" s="2"/>
      <c r="AS572" s="2"/>
      <c r="AT572" s="2"/>
    </row>
    <row r="573" spans="1:46" s="3" customFormat="1" ht="13.5" customHeight="1" x14ac:dyDescent="0.15">
      <c r="A573" s="3">
        <v>572</v>
      </c>
      <c r="B573" s="30" t="s">
        <v>613</v>
      </c>
      <c r="C573" s="27" t="s">
        <v>3558</v>
      </c>
      <c r="D573" s="28">
        <v>147600</v>
      </c>
      <c r="E573" s="42" t="s">
        <v>3513</v>
      </c>
      <c r="F573" s="29" t="s">
        <v>3533</v>
      </c>
      <c r="G573" s="27">
        <v>7</v>
      </c>
      <c r="H573" s="2"/>
      <c r="I573" s="2"/>
      <c r="J573" s="2"/>
      <c r="K573" s="2"/>
      <c r="L573" s="2"/>
      <c r="M573" s="2"/>
      <c r="N573" s="2"/>
      <c r="O573" s="2"/>
      <c r="P573" s="2"/>
      <c r="Q573" s="2"/>
      <c r="R573" s="2"/>
      <c r="S573" s="2"/>
      <c r="T573" s="2"/>
      <c r="U573" s="2"/>
      <c r="V573" s="2"/>
      <c r="W573" s="2"/>
      <c r="X573" s="2"/>
      <c r="Y573" s="2"/>
      <c r="Z573" s="2"/>
      <c r="AA573" s="2"/>
      <c r="AB573" s="2"/>
      <c r="AC573" s="2"/>
      <c r="AD573" s="2"/>
      <c r="AE573" s="2"/>
      <c r="AF573" s="2"/>
      <c r="AG573" s="2"/>
      <c r="AH573" s="2"/>
      <c r="AI573" s="2"/>
      <c r="AJ573" s="2"/>
      <c r="AK573" s="2"/>
      <c r="AL573" s="2"/>
      <c r="AM573" s="2"/>
      <c r="AN573" s="2"/>
      <c r="AO573" s="2"/>
      <c r="AP573" s="2"/>
      <c r="AQ573" s="2"/>
      <c r="AR573" s="2"/>
      <c r="AS573" s="2"/>
      <c r="AT573" s="2"/>
    </row>
    <row r="574" spans="1:46" s="3" customFormat="1" ht="13.5" customHeight="1" x14ac:dyDescent="0.15">
      <c r="A574" s="3">
        <v>573</v>
      </c>
      <c r="B574" s="26" t="s">
        <v>1051</v>
      </c>
      <c r="C574" s="27" t="s">
        <v>979</v>
      </c>
      <c r="D574" s="28">
        <v>221</v>
      </c>
      <c r="E574" s="29" t="s">
        <v>610</v>
      </c>
      <c r="F574" s="29" t="s">
        <v>3577</v>
      </c>
      <c r="G574" s="27">
        <v>12</v>
      </c>
      <c r="H574" s="2"/>
      <c r="I574" s="2"/>
      <c r="J574" s="2"/>
      <c r="K574" s="2"/>
      <c r="L574" s="2"/>
      <c r="M574" s="2"/>
      <c r="N574" s="2"/>
      <c r="O574" s="2"/>
      <c r="P574" s="2"/>
      <c r="Q574" s="2"/>
      <c r="R574" s="2"/>
      <c r="S574" s="2"/>
      <c r="T574" s="2"/>
      <c r="U574" s="2"/>
      <c r="V574" s="2"/>
      <c r="W574" s="2"/>
      <c r="X574" s="2"/>
      <c r="Y574" s="2"/>
      <c r="Z574" s="2"/>
      <c r="AA574" s="2"/>
      <c r="AB574" s="2"/>
      <c r="AC574" s="2"/>
      <c r="AD574" s="2"/>
      <c r="AE574" s="2"/>
      <c r="AF574" s="2"/>
      <c r="AG574" s="2"/>
      <c r="AH574" s="2"/>
      <c r="AI574" s="2"/>
      <c r="AJ574" s="2"/>
      <c r="AK574" s="2"/>
      <c r="AL574" s="2"/>
      <c r="AM574" s="2"/>
      <c r="AN574" s="2"/>
      <c r="AO574" s="2"/>
      <c r="AP574" s="2"/>
      <c r="AQ574" s="2"/>
      <c r="AR574" s="2"/>
      <c r="AS574" s="2"/>
      <c r="AT574" s="2"/>
    </row>
    <row r="575" spans="1:46" s="3" customFormat="1" ht="13.5" customHeight="1" x14ac:dyDescent="0.15">
      <c r="A575" s="3">
        <v>574</v>
      </c>
      <c r="B575" s="30" t="s">
        <v>613</v>
      </c>
      <c r="C575" s="27" t="s">
        <v>979</v>
      </c>
      <c r="D575" s="31">
        <v>231</v>
      </c>
      <c r="E575" s="32" t="s">
        <v>358</v>
      </c>
      <c r="F575" s="32" t="s">
        <v>938</v>
      </c>
      <c r="G575" s="27">
        <v>3</v>
      </c>
    </row>
    <row r="576" spans="1:46" s="3" customFormat="1" ht="13.5" customHeight="1" x14ac:dyDescent="0.15">
      <c r="A576" s="3">
        <v>575</v>
      </c>
      <c r="B576" s="26" t="s">
        <v>1051</v>
      </c>
      <c r="C576" s="27" t="s">
        <v>979</v>
      </c>
      <c r="D576" s="28">
        <v>241</v>
      </c>
      <c r="E576" s="29" t="s">
        <v>952</v>
      </c>
      <c r="F576" s="29" t="s">
        <v>3578</v>
      </c>
      <c r="G576" s="27">
        <v>3</v>
      </c>
      <c r="H576" s="2"/>
      <c r="I576" s="2"/>
      <c r="J576" s="2"/>
      <c r="K576" s="2"/>
      <c r="L576" s="2"/>
      <c r="M576" s="2"/>
      <c r="N576" s="2"/>
      <c r="O576" s="2"/>
      <c r="P576" s="2"/>
      <c r="Q576" s="2"/>
      <c r="R576" s="2"/>
      <c r="S576" s="2"/>
      <c r="T576" s="2"/>
      <c r="U576" s="2"/>
      <c r="V576" s="2"/>
      <c r="W576" s="2"/>
      <c r="X576" s="2"/>
      <c r="Y576" s="2"/>
      <c r="Z576" s="2"/>
      <c r="AA576" s="2"/>
      <c r="AB576" s="2"/>
      <c r="AC576" s="2"/>
      <c r="AD576" s="2"/>
      <c r="AE576" s="2"/>
      <c r="AF576" s="2"/>
      <c r="AG576" s="2"/>
      <c r="AH576" s="2"/>
      <c r="AI576" s="2"/>
      <c r="AJ576" s="2"/>
      <c r="AK576" s="2"/>
      <c r="AL576" s="2"/>
      <c r="AM576" s="2"/>
      <c r="AN576" s="2"/>
      <c r="AO576" s="2"/>
      <c r="AP576" s="2"/>
      <c r="AQ576" s="2"/>
      <c r="AR576" s="2"/>
      <c r="AS576" s="2"/>
      <c r="AT576" s="2"/>
    </row>
    <row r="577" spans="1:46" s="3" customFormat="1" ht="13.5" customHeight="1" x14ac:dyDescent="0.15">
      <c r="A577" s="3">
        <v>576</v>
      </c>
      <c r="B577" s="26" t="s">
        <v>1051</v>
      </c>
      <c r="C577" s="27" t="s">
        <v>979</v>
      </c>
      <c r="D577" s="28">
        <v>251</v>
      </c>
      <c r="E577" s="29" t="s">
        <v>1665</v>
      </c>
      <c r="F577" s="29" t="s">
        <v>3579</v>
      </c>
      <c r="G577" s="27">
        <v>3</v>
      </c>
      <c r="H577" s="2"/>
      <c r="I577" s="2"/>
      <c r="J577" s="2"/>
      <c r="K577" s="2"/>
      <c r="L577" s="2"/>
      <c r="M577" s="2"/>
      <c r="N577" s="2"/>
      <c r="O577" s="2"/>
      <c r="P577" s="2"/>
      <c r="Q577" s="2"/>
      <c r="R577" s="2"/>
      <c r="S577" s="2"/>
      <c r="T577" s="2"/>
      <c r="U577" s="2"/>
      <c r="V577" s="2"/>
      <c r="W577" s="2"/>
      <c r="X577" s="2"/>
      <c r="Y577" s="2"/>
      <c r="Z577" s="2"/>
      <c r="AA577" s="2"/>
      <c r="AB577" s="2"/>
      <c r="AC577" s="2"/>
      <c r="AD577" s="2"/>
      <c r="AE577" s="2"/>
      <c r="AF577" s="2"/>
      <c r="AG577" s="2"/>
      <c r="AH577" s="2"/>
      <c r="AI577" s="2"/>
      <c r="AJ577" s="2"/>
      <c r="AK577" s="2"/>
      <c r="AL577" s="2"/>
      <c r="AM577" s="2"/>
      <c r="AN577" s="2"/>
      <c r="AO577" s="2"/>
      <c r="AP577" s="2"/>
      <c r="AQ577" s="2"/>
      <c r="AR577" s="2"/>
      <c r="AS577" s="2"/>
      <c r="AT577" s="2"/>
    </row>
    <row r="578" spans="1:46" s="3" customFormat="1" ht="13.5" customHeight="1" x14ac:dyDescent="0.15">
      <c r="A578" s="3">
        <v>577</v>
      </c>
      <c r="B578" s="26" t="s">
        <v>1051</v>
      </c>
      <c r="C578" s="27" t="s">
        <v>979</v>
      </c>
      <c r="D578" s="28">
        <v>261</v>
      </c>
      <c r="E578" s="29" t="s">
        <v>1571</v>
      </c>
      <c r="F578" s="29" t="s">
        <v>3580</v>
      </c>
      <c r="G578" s="27">
        <v>3</v>
      </c>
      <c r="H578" s="2"/>
      <c r="I578" s="2"/>
      <c r="J578" s="2"/>
      <c r="K578" s="2"/>
      <c r="L578" s="2"/>
      <c r="M578" s="2"/>
      <c r="N578" s="2"/>
      <c r="O578" s="2"/>
      <c r="P578" s="2"/>
      <c r="Q578" s="2"/>
      <c r="R578" s="2"/>
      <c r="S578" s="2"/>
      <c r="T578" s="2"/>
      <c r="U578" s="2"/>
      <c r="V578" s="2"/>
      <c r="W578" s="2"/>
      <c r="X578" s="2"/>
      <c r="Y578" s="2"/>
      <c r="Z578" s="2"/>
      <c r="AA578" s="2"/>
      <c r="AB578" s="2"/>
      <c r="AC578" s="2"/>
      <c r="AD578" s="2"/>
      <c r="AE578" s="2"/>
      <c r="AF578" s="2"/>
      <c r="AG578" s="2"/>
      <c r="AH578" s="2"/>
      <c r="AI578" s="2"/>
      <c r="AJ578" s="2"/>
      <c r="AK578" s="2"/>
      <c r="AL578" s="2"/>
      <c r="AM578" s="2"/>
      <c r="AN578" s="2"/>
      <c r="AO578" s="2"/>
      <c r="AP578" s="2"/>
      <c r="AQ578" s="2"/>
      <c r="AR578" s="2"/>
      <c r="AS578" s="2"/>
      <c r="AT578" s="2"/>
    </row>
    <row r="579" spans="1:46" s="3" customFormat="1" ht="13.5" customHeight="1" x14ac:dyDescent="0.15">
      <c r="A579" s="3">
        <v>578</v>
      </c>
      <c r="B579" s="30" t="s">
        <v>613</v>
      </c>
      <c r="C579" s="27" t="s">
        <v>979</v>
      </c>
      <c r="D579" s="31">
        <v>4700</v>
      </c>
      <c r="E579" s="32" t="s">
        <v>1193</v>
      </c>
      <c r="F579" s="32" t="s">
        <v>1908</v>
      </c>
      <c r="G579" s="27">
        <v>9</v>
      </c>
    </row>
    <row r="580" spans="1:46" s="3" customFormat="1" ht="13.5" customHeight="1" x14ac:dyDescent="0.15">
      <c r="A580" s="3">
        <v>579</v>
      </c>
      <c r="B580" s="30" t="s">
        <v>613</v>
      </c>
      <c r="C580" s="27" t="s">
        <v>979</v>
      </c>
      <c r="D580" s="31">
        <v>8790</v>
      </c>
      <c r="E580" s="32" t="s">
        <v>1095</v>
      </c>
      <c r="F580" s="32" t="s">
        <v>295</v>
      </c>
      <c r="G580" s="27">
        <v>7</v>
      </c>
    </row>
    <row r="581" spans="1:46" s="3" customFormat="1" ht="13.5" customHeight="1" x14ac:dyDescent="0.15">
      <c r="A581" s="3">
        <v>580</v>
      </c>
      <c r="B581" s="30" t="s">
        <v>613</v>
      </c>
      <c r="C581" s="27" t="s">
        <v>979</v>
      </c>
      <c r="D581" s="31">
        <v>9350</v>
      </c>
      <c r="E581" s="32" t="s">
        <v>746</v>
      </c>
      <c r="F581" s="32" t="s">
        <v>398</v>
      </c>
      <c r="G581" s="27">
        <v>9</v>
      </c>
    </row>
    <row r="582" spans="1:46" s="3" customFormat="1" ht="13.5" customHeight="1" x14ac:dyDescent="0.15">
      <c r="A582" s="3">
        <v>581</v>
      </c>
      <c r="B582" s="30" t="s">
        <v>613</v>
      </c>
      <c r="C582" s="27" t="s">
        <v>979</v>
      </c>
      <c r="D582" s="31">
        <v>9630</v>
      </c>
      <c r="E582" s="32" t="s">
        <v>277</v>
      </c>
      <c r="F582" s="32" t="s">
        <v>978</v>
      </c>
      <c r="G582" s="27">
        <v>12</v>
      </c>
    </row>
    <row r="583" spans="1:46" s="3" customFormat="1" ht="13.5" customHeight="1" x14ac:dyDescent="0.15">
      <c r="A583" s="3">
        <v>582</v>
      </c>
      <c r="B583" s="30" t="s">
        <v>613</v>
      </c>
      <c r="C583" s="27" t="s">
        <v>979</v>
      </c>
      <c r="D583" s="31">
        <v>10310</v>
      </c>
      <c r="E583" s="32" t="s">
        <v>1153</v>
      </c>
      <c r="F583" s="32" t="s">
        <v>294</v>
      </c>
      <c r="G583" s="27">
        <v>2</v>
      </c>
    </row>
    <row r="584" spans="1:46" s="3" customFormat="1" ht="13.5" customHeight="1" x14ac:dyDescent="0.15">
      <c r="A584" s="3">
        <v>583</v>
      </c>
      <c r="B584" s="30" t="s">
        <v>613</v>
      </c>
      <c r="C584" s="27" t="s">
        <v>979</v>
      </c>
      <c r="D584" s="31">
        <v>12280</v>
      </c>
      <c r="E584" s="32" t="s">
        <v>1318</v>
      </c>
      <c r="F584" s="32" t="s">
        <v>1907</v>
      </c>
      <c r="G584" s="27">
        <v>4</v>
      </c>
    </row>
    <row r="585" spans="1:46" s="3" customFormat="1" ht="13.5" customHeight="1" x14ac:dyDescent="0.15">
      <c r="A585" s="3">
        <v>584</v>
      </c>
      <c r="B585" s="30" t="s">
        <v>613</v>
      </c>
      <c r="C585" s="27" t="s">
        <v>979</v>
      </c>
      <c r="D585" s="31">
        <v>13300</v>
      </c>
      <c r="E585" s="32" t="s">
        <v>1817</v>
      </c>
      <c r="F585" s="32" t="s">
        <v>1420</v>
      </c>
      <c r="G585" s="27">
        <v>12</v>
      </c>
    </row>
    <row r="586" spans="1:46" s="3" customFormat="1" ht="13.5" customHeight="1" x14ac:dyDescent="0.15">
      <c r="A586" s="3">
        <v>585</v>
      </c>
      <c r="B586" s="30" t="s">
        <v>613</v>
      </c>
      <c r="C586" s="27" t="s">
        <v>979</v>
      </c>
      <c r="D586" s="31">
        <v>16300</v>
      </c>
      <c r="E586" s="32" t="s">
        <v>690</v>
      </c>
      <c r="F586" s="32" t="s">
        <v>1237</v>
      </c>
      <c r="G586" s="27">
        <v>6</v>
      </c>
    </row>
    <row r="587" spans="1:46" s="3" customFormat="1" ht="13.5" customHeight="1" x14ac:dyDescent="0.15">
      <c r="A587" s="3">
        <v>586</v>
      </c>
      <c r="B587" s="30" t="s">
        <v>613</v>
      </c>
      <c r="C587" s="27" t="s">
        <v>979</v>
      </c>
      <c r="D587" s="31">
        <v>16700</v>
      </c>
      <c r="E587" s="32" t="s">
        <v>1398</v>
      </c>
      <c r="F587" s="32" t="s">
        <v>977</v>
      </c>
      <c r="G587" s="27">
        <v>12</v>
      </c>
      <c r="H587" s="2"/>
      <c r="I587" s="2"/>
      <c r="J587" s="2"/>
      <c r="K587" s="2"/>
      <c r="L587" s="2"/>
      <c r="M587" s="2"/>
      <c r="N587" s="2"/>
      <c r="O587" s="2"/>
      <c r="P587" s="2"/>
      <c r="Q587" s="2"/>
      <c r="R587" s="2"/>
      <c r="S587" s="2"/>
      <c r="T587" s="2"/>
      <c r="U587" s="2"/>
      <c r="V587" s="2"/>
      <c r="W587" s="2"/>
      <c r="X587" s="2"/>
      <c r="Y587" s="2"/>
      <c r="Z587" s="2"/>
      <c r="AA587" s="2"/>
      <c r="AB587" s="2"/>
      <c r="AC587" s="2"/>
      <c r="AD587" s="2"/>
      <c r="AE587" s="2"/>
      <c r="AF587" s="2"/>
      <c r="AG587" s="2"/>
      <c r="AH587" s="2"/>
      <c r="AI587" s="2"/>
      <c r="AJ587" s="2"/>
      <c r="AK587" s="2"/>
      <c r="AL587" s="2"/>
      <c r="AM587" s="2"/>
      <c r="AN587" s="2"/>
      <c r="AO587" s="2"/>
      <c r="AP587" s="2"/>
      <c r="AQ587" s="2"/>
      <c r="AR587" s="2"/>
      <c r="AS587" s="2"/>
      <c r="AT587" s="2"/>
    </row>
    <row r="588" spans="1:46" s="3" customFormat="1" ht="13.5" customHeight="1" x14ac:dyDescent="0.15">
      <c r="A588" s="3">
        <v>587</v>
      </c>
      <c r="B588" s="30" t="s">
        <v>613</v>
      </c>
      <c r="C588" s="27" t="s">
        <v>979</v>
      </c>
      <c r="D588" s="31">
        <v>18950</v>
      </c>
      <c r="E588" s="32" t="s">
        <v>495</v>
      </c>
      <c r="F588" s="32" t="s">
        <v>1419</v>
      </c>
      <c r="G588" s="27">
        <v>12</v>
      </c>
    </row>
    <row r="589" spans="1:46" s="3" customFormat="1" ht="13.5" customHeight="1" x14ac:dyDescent="0.15">
      <c r="A589" s="3">
        <v>588</v>
      </c>
      <c r="B589" s="30" t="s">
        <v>613</v>
      </c>
      <c r="C589" s="27" t="s">
        <v>979</v>
      </c>
      <c r="D589" s="31">
        <v>19390</v>
      </c>
      <c r="E589" s="32" t="s">
        <v>831</v>
      </c>
      <c r="F589" s="32" t="s">
        <v>1236</v>
      </c>
      <c r="G589" s="27">
        <v>4</v>
      </c>
    </row>
    <row r="590" spans="1:46" s="3" customFormat="1" ht="13.5" customHeight="1" x14ac:dyDescent="0.15">
      <c r="A590" s="3">
        <v>589</v>
      </c>
      <c r="B590" s="30" t="s">
        <v>613</v>
      </c>
      <c r="C590" s="27" t="s">
        <v>3425</v>
      </c>
      <c r="D590" s="31">
        <v>21160</v>
      </c>
      <c r="E590" s="32" t="s">
        <v>2991</v>
      </c>
      <c r="F590" s="32" t="s">
        <v>3426</v>
      </c>
      <c r="G590" s="27">
        <v>7</v>
      </c>
    </row>
    <row r="591" spans="1:46" s="3" customFormat="1" ht="13.5" customHeight="1" x14ac:dyDescent="0.15">
      <c r="A591" s="3">
        <v>590</v>
      </c>
      <c r="B591" s="30" t="s">
        <v>613</v>
      </c>
      <c r="C591" s="27" t="s">
        <v>979</v>
      </c>
      <c r="D591" s="31">
        <v>27150</v>
      </c>
      <c r="E591" s="32" t="s">
        <v>2121</v>
      </c>
      <c r="F591" s="32" t="s">
        <v>2239</v>
      </c>
      <c r="G591" s="27">
        <v>12</v>
      </c>
    </row>
    <row r="592" spans="1:46" s="3" customFormat="1" ht="13.5" customHeight="1" x14ac:dyDescent="0.15">
      <c r="A592" s="3">
        <v>591</v>
      </c>
      <c r="B592" s="30" t="s">
        <v>613</v>
      </c>
      <c r="C592" s="27" t="s">
        <v>979</v>
      </c>
      <c r="D592" s="31">
        <v>28480</v>
      </c>
      <c r="E592" s="32" t="s">
        <v>161</v>
      </c>
      <c r="F592" s="32" t="s">
        <v>329</v>
      </c>
      <c r="G592" s="27">
        <v>6</v>
      </c>
    </row>
    <row r="593" spans="1:46" s="3" customFormat="1" ht="13.5" customHeight="1" x14ac:dyDescent="0.15">
      <c r="A593" s="3">
        <v>592</v>
      </c>
      <c r="B593" s="30" t="s">
        <v>613</v>
      </c>
      <c r="C593" s="27" t="s">
        <v>979</v>
      </c>
      <c r="D593" s="31">
        <v>29930</v>
      </c>
      <c r="E593" s="32" t="s">
        <v>513</v>
      </c>
      <c r="F593" s="32" t="s">
        <v>1680</v>
      </c>
      <c r="G593" s="27">
        <v>6</v>
      </c>
    </row>
    <row r="594" spans="1:46" s="3" customFormat="1" ht="13.5" customHeight="1" x14ac:dyDescent="0.15">
      <c r="A594" s="3">
        <v>593</v>
      </c>
      <c r="B594" s="30" t="s">
        <v>613</v>
      </c>
      <c r="C594" s="27" t="s">
        <v>979</v>
      </c>
      <c r="D594" s="31">
        <v>32470</v>
      </c>
      <c r="E594" s="32" t="s">
        <v>2616</v>
      </c>
      <c r="F594" s="32" t="s">
        <v>2617</v>
      </c>
      <c r="G594" s="27">
        <v>3</v>
      </c>
    </row>
    <row r="595" spans="1:46" ht="13.5" customHeight="1" x14ac:dyDescent="0.15">
      <c r="A595" s="3">
        <v>594</v>
      </c>
      <c r="B595" s="30" t="s">
        <v>613</v>
      </c>
      <c r="C595" s="27" t="s">
        <v>979</v>
      </c>
      <c r="D595" s="31">
        <v>33040</v>
      </c>
      <c r="E595" s="32" t="s">
        <v>232</v>
      </c>
      <c r="F595" s="32" t="s">
        <v>1425</v>
      </c>
      <c r="G595" s="27">
        <v>6</v>
      </c>
      <c r="H595" s="3"/>
      <c r="I595" s="3"/>
      <c r="J595" s="3"/>
      <c r="K595" s="3"/>
      <c r="L595" s="3"/>
      <c r="M595" s="3"/>
      <c r="N595" s="3"/>
      <c r="O595" s="3"/>
      <c r="P595" s="3"/>
      <c r="Q595" s="3"/>
      <c r="R595" s="3"/>
      <c r="S595" s="3"/>
      <c r="T595" s="3"/>
      <c r="U595" s="3"/>
      <c r="V595" s="3"/>
      <c r="W595" s="3"/>
      <c r="X595" s="3"/>
      <c r="Y595" s="3"/>
      <c r="Z595" s="3"/>
      <c r="AA595" s="3"/>
      <c r="AB595" s="3"/>
      <c r="AC595" s="3"/>
      <c r="AD595" s="3"/>
      <c r="AE595" s="3"/>
      <c r="AF595" s="3"/>
      <c r="AG595" s="3"/>
      <c r="AH595" s="3"/>
      <c r="AI595" s="3"/>
      <c r="AJ595" s="3"/>
      <c r="AK595" s="3"/>
      <c r="AL595" s="3"/>
      <c r="AM595" s="3"/>
      <c r="AN595" s="3"/>
      <c r="AO595" s="3"/>
      <c r="AP595" s="3"/>
      <c r="AQ595" s="3"/>
      <c r="AR595" s="3"/>
      <c r="AS595" s="3"/>
      <c r="AT595" s="3"/>
    </row>
    <row r="596" spans="1:46" ht="13.5" customHeight="1" x14ac:dyDescent="0.15">
      <c r="A596" s="3">
        <v>595</v>
      </c>
      <c r="B596" s="30" t="s">
        <v>613</v>
      </c>
      <c r="C596" s="27" t="s">
        <v>979</v>
      </c>
      <c r="D596" s="31">
        <v>33200</v>
      </c>
      <c r="E596" s="32" t="s">
        <v>426</v>
      </c>
      <c r="F596" s="32" t="s">
        <v>1909</v>
      </c>
      <c r="G596" s="27">
        <v>4</v>
      </c>
      <c r="H596" s="3"/>
      <c r="I596" s="3"/>
      <c r="J596" s="3"/>
      <c r="K596" s="3"/>
      <c r="L596" s="3"/>
      <c r="M596" s="3"/>
      <c r="N596" s="3"/>
      <c r="O596" s="3"/>
      <c r="P596" s="3"/>
      <c r="Q596" s="3"/>
      <c r="R596" s="3"/>
      <c r="S596" s="3"/>
      <c r="T596" s="3"/>
      <c r="U596" s="3"/>
      <c r="V596" s="3"/>
      <c r="W596" s="3"/>
      <c r="X596" s="3"/>
      <c r="Y596" s="3"/>
      <c r="Z596" s="3"/>
      <c r="AA596" s="3"/>
      <c r="AB596" s="3"/>
      <c r="AC596" s="3"/>
      <c r="AD596" s="3"/>
      <c r="AE596" s="3"/>
      <c r="AF596" s="3"/>
      <c r="AG596" s="3"/>
      <c r="AH596" s="3"/>
      <c r="AI596" s="3"/>
      <c r="AJ596" s="3"/>
      <c r="AK596" s="3"/>
      <c r="AL596" s="3"/>
      <c r="AM596" s="3"/>
      <c r="AN596" s="3"/>
      <c r="AO596" s="3"/>
      <c r="AP596" s="3"/>
      <c r="AQ596" s="3"/>
      <c r="AR596" s="3"/>
      <c r="AS596" s="3"/>
      <c r="AT596" s="3"/>
    </row>
    <row r="597" spans="1:46" s="3" customFormat="1" ht="13.5" customHeight="1" x14ac:dyDescent="0.15">
      <c r="A597" s="3">
        <v>596</v>
      </c>
      <c r="B597" s="30" t="s">
        <v>613</v>
      </c>
      <c r="C597" s="27" t="s">
        <v>883</v>
      </c>
      <c r="D597" s="34">
        <v>33390</v>
      </c>
      <c r="E597" s="32" t="s">
        <v>3001</v>
      </c>
      <c r="F597" s="32" t="s">
        <v>2349</v>
      </c>
      <c r="G597" s="27">
        <v>6</v>
      </c>
    </row>
    <row r="598" spans="1:46" s="3" customFormat="1" ht="13.5" customHeight="1" x14ac:dyDescent="0.15">
      <c r="A598" s="3">
        <v>597</v>
      </c>
      <c r="B598" s="30" t="s">
        <v>613</v>
      </c>
      <c r="C598" s="27" t="s">
        <v>979</v>
      </c>
      <c r="D598" s="31">
        <v>35360</v>
      </c>
      <c r="E598" s="32" t="s">
        <v>3002</v>
      </c>
      <c r="F598" s="32" t="s">
        <v>2237</v>
      </c>
      <c r="G598" s="27">
        <v>3</v>
      </c>
    </row>
    <row r="599" spans="1:46" s="3" customFormat="1" ht="13.5" customHeight="1" x14ac:dyDescent="0.15">
      <c r="A599" s="3">
        <v>598</v>
      </c>
      <c r="B599" s="30" t="s">
        <v>613</v>
      </c>
      <c r="C599" s="27" t="s">
        <v>979</v>
      </c>
      <c r="D599" s="31">
        <v>35370</v>
      </c>
      <c r="E599" s="32" t="s">
        <v>1861</v>
      </c>
      <c r="F599" s="32" t="s">
        <v>1277</v>
      </c>
      <c r="G599" s="27">
        <v>3</v>
      </c>
    </row>
    <row r="600" spans="1:46" s="3" customFormat="1" ht="13.5" customHeight="1" x14ac:dyDescent="0.15">
      <c r="A600" s="3">
        <v>599</v>
      </c>
      <c r="B600" s="30" t="s">
        <v>613</v>
      </c>
      <c r="C600" s="27" t="s">
        <v>979</v>
      </c>
      <c r="D600" s="31">
        <v>35390</v>
      </c>
      <c r="E600" s="32" t="s">
        <v>1862</v>
      </c>
      <c r="F600" s="32" t="s">
        <v>1279</v>
      </c>
      <c r="G600" s="27">
        <v>3</v>
      </c>
    </row>
    <row r="601" spans="1:46" s="3" customFormat="1" ht="13.5" customHeight="1" x14ac:dyDescent="0.15">
      <c r="A601" s="3">
        <v>600</v>
      </c>
      <c r="B601" s="30" t="s">
        <v>613</v>
      </c>
      <c r="C601" s="27" t="s">
        <v>979</v>
      </c>
      <c r="D601" s="31">
        <v>35410</v>
      </c>
      <c r="E601" s="32" t="s">
        <v>1863</v>
      </c>
      <c r="F601" s="32" t="s">
        <v>1092</v>
      </c>
      <c r="G601" s="27">
        <v>3</v>
      </c>
      <c r="H601" s="2"/>
      <c r="I601" s="2"/>
      <c r="J601" s="2"/>
      <c r="K601" s="2"/>
      <c r="L601" s="2"/>
      <c r="M601" s="2"/>
      <c r="N601" s="2"/>
      <c r="O601" s="2"/>
      <c r="P601" s="2"/>
      <c r="Q601" s="2"/>
      <c r="R601" s="2"/>
      <c r="S601" s="2"/>
      <c r="T601" s="2"/>
      <c r="U601" s="2"/>
      <c r="V601" s="2"/>
      <c r="W601" s="2"/>
      <c r="X601" s="2"/>
      <c r="Y601" s="2"/>
      <c r="Z601" s="2"/>
      <c r="AA601" s="2"/>
      <c r="AB601" s="2"/>
      <c r="AC601" s="2"/>
      <c r="AD601" s="2"/>
      <c r="AE601" s="2"/>
      <c r="AF601" s="2"/>
      <c r="AG601" s="2"/>
      <c r="AH601" s="2"/>
      <c r="AI601" s="2"/>
      <c r="AJ601" s="2"/>
      <c r="AK601" s="2"/>
      <c r="AL601" s="2"/>
      <c r="AM601" s="2"/>
      <c r="AN601" s="2"/>
      <c r="AO601" s="2"/>
      <c r="AP601" s="2"/>
      <c r="AQ601" s="2"/>
      <c r="AR601" s="2"/>
      <c r="AS601" s="2"/>
      <c r="AT601" s="2"/>
    </row>
    <row r="602" spans="1:46" s="3" customFormat="1" ht="13.5" customHeight="1" x14ac:dyDescent="0.15">
      <c r="A602" s="3">
        <v>601</v>
      </c>
      <c r="B602" s="30" t="s">
        <v>613</v>
      </c>
      <c r="C602" s="27" t="s">
        <v>979</v>
      </c>
      <c r="D602" s="31">
        <v>35440</v>
      </c>
      <c r="E602" s="32" t="s">
        <v>1811</v>
      </c>
      <c r="F602" s="32" t="s">
        <v>202</v>
      </c>
      <c r="G602" s="27">
        <v>7</v>
      </c>
      <c r="H602" s="2"/>
      <c r="I602" s="2"/>
      <c r="J602" s="2"/>
      <c r="K602" s="2"/>
      <c r="L602" s="2"/>
      <c r="M602" s="2"/>
      <c r="N602" s="2"/>
      <c r="O602" s="2"/>
      <c r="P602" s="2"/>
      <c r="Q602" s="2"/>
      <c r="R602" s="2"/>
      <c r="S602" s="2"/>
      <c r="T602" s="2"/>
      <c r="U602" s="2"/>
      <c r="V602" s="2"/>
      <c r="W602" s="2"/>
      <c r="X602" s="2"/>
      <c r="Y602" s="2"/>
      <c r="Z602" s="2"/>
      <c r="AA602" s="2"/>
      <c r="AB602" s="2"/>
      <c r="AC602" s="2"/>
      <c r="AD602" s="2"/>
      <c r="AE602" s="2"/>
      <c r="AF602" s="2"/>
      <c r="AG602" s="2"/>
      <c r="AH602" s="2"/>
      <c r="AI602" s="2"/>
      <c r="AJ602" s="2"/>
      <c r="AK602" s="2"/>
      <c r="AL602" s="2"/>
      <c r="AM602" s="2"/>
      <c r="AN602" s="2"/>
      <c r="AO602" s="2"/>
      <c r="AP602" s="2"/>
      <c r="AQ602" s="2"/>
      <c r="AR602" s="2"/>
      <c r="AS602" s="2"/>
      <c r="AT602" s="2"/>
    </row>
    <row r="603" spans="1:46" s="3" customFormat="1" ht="13.5" customHeight="1" x14ac:dyDescent="0.15">
      <c r="A603" s="3">
        <v>602</v>
      </c>
      <c r="B603" s="30" t="s">
        <v>613</v>
      </c>
      <c r="C603" s="27" t="s">
        <v>979</v>
      </c>
      <c r="D603" s="31">
        <v>35450</v>
      </c>
      <c r="E603" s="32" t="s">
        <v>880</v>
      </c>
      <c r="F603" s="32" t="s">
        <v>1278</v>
      </c>
      <c r="G603" s="27">
        <v>6</v>
      </c>
    </row>
    <row r="604" spans="1:46" s="3" customFormat="1" ht="13.5" customHeight="1" x14ac:dyDescent="0.15">
      <c r="A604" s="3">
        <v>603</v>
      </c>
      <c r="B604" s="30" t="s">
        <v>613</v>
      </c>
      <c r="C604" s="27" t="s">
        <v>979</v>
      </c>
      <c r="D604" s="31">
        <v>35460</v>
      </c>
      <c r="E604" s="32" t="s">
        <v>585</v>
      </c>
      <c r="F604" s="32" t="s">
        <v>939</v>
      </c>
      <c r="G604" s="27">
        <v>6</v>
      </c>
    </row>
    <row r="605" spans="1:46" s="3" customFormat="1" ht="13.5" customHeight="1" x14ac:dyDescent="0.15">
      <c r="A605" s="3">
        <v>604</v>
      </c>
      <c r="B605" s="30" t="s">
        <v>613</v>
      </c>
      <c r="C605" s="27" t="s">
        <v>979</v>
      </c>
      <c r="D605" s="31">
        <v>36480</v>
      </c>
      <c r="E605" s="32" t="s">
        <v>951</v>
      </c>
      <c r="F605" s="32" t="s">
        <v>1344</v>
      </c>
      <c r="G605" s="27">
        <v>8</v>
      </c>
    </row>
    <row r="606" spans="1:46" s="3" customFormat="1" ht="13.5" customHeight="1" x14ac:dyDescent="0.15">
      <c r="A606" s="3">
        <v>605</v>
      </c>
      <c r="B606" s="30" t="s">
        <v>613</v>
      </c>
      <c r="C606" s="27" t="s">
        <v>979</v>
      </c>
      <c r="D606" s="31">
        <v>36540</v>
      </c>
      <c r="E606" s="32" t="s">
        <v>2423</v>
      </c>
      <c r="F606" s="32" t="s">
        <v>1699</v>
      </c>
      <c r="G606" s="27">
        <v>12</v>
      </c>
    </row>
    <row r="607" spans="1:46" s="3" customFormat="1" ht="13.5" customHeight="1" x14ac:dyDescent="0.15">
      <c r="A607" s="3">
        <v>606</v>
      </c>
      <c r="B607" s="30" t="s">
        <v>613</v>
      </c>
      <c r="C607" s="27" t="s">
        <v>979</v>
      </c>
      <c r="D607" s="31">
        <v>38700</v>
      </c>
      <c r="E607" s="32" t="s">
        <v>3015</v>
      </c>
      <c r="F607" s="32" t="s">
        <v>1679</v>
      </c>
      <c r="G607" s="27">
        <v>7</v>
      </c>
    </row>
    <row r="608" spans="1:46" s="3" customFormat="1" ht="13.5" customHeight="1" x14ac:dyDescent="0.15">
      <c r="A608" s="3">
        <v>607</v>
      </c>
      <c r="B608" s="30" t="s">
        <v>613</v>
      </c>
      <c r="C608" s="27" t="s">
        <v>979</v>
      </c>
      <c r="D608" s="31">
        <v>39460</v>
      </c>
      <c r="E608" s="32" t="s">
        <v>3041</v>
      </c>
      <c r="F608" s="32" t="s">
        <v>1577</v>
      </c>
      <c r="G608" s="27">
        <v>12</v>
      </c>
    </row>
    <row r="609" spans="1:7" s="3" customFormat="1" ht="13.5" customHeight="1" x14ac:dyDescent="0.15">
      <c r="A609" s="3">
        <v>608</v>
      </c>
      <c r="B609" s="30" t="s">
        <v>613</v>
      </c>
      <c r="C609" s="27" t="s">
        <v>979</v>
      </c>
      <c r="D609" s="31">
        <v>39790</v>
      </c>
      <c r="E609" s="32" t="s">
        <v>3047</v>
      </c>
      <c r="F609" s="32" t="s">
        <v>2238</v>
      </c>
      <c r="G609" s="27">
        <v>8</v>
      </c>
    </row>
    <row r="610" spans="1:7" s="3" customFormat="1" ht="13.5" customHeight="1" x14ac:dyDescent="0.15">
      <c r="A610" s="3">
        <v>609</v>
      </c>
      <c r="B610" s="26" t="s">
        <v>613</v>
      </c>
      <c r="C610" s="27" t="s">
        <v>883</v>
      </c>
      <c r="D610" s="33">
        <v>39970</v>
      </c>
      <c r="E610" s="29" t="s">
        <v>7</v>
      </c>
      <c r="F610" s="32" t="s">
        <v>1674</v>
      </c>
      <c r="G610" s="27">
        <v>12</v>
      </c>
    </row>
    <row r="611" spans="1:7" s="3" customFormat="1" ht="13.5" customHeight="1" x14ac:dyDescent="0.15">
      <c r="A611" s="3">
        <v>610</v>
      </c>
      <c r="B611" s="30" t="s">
        <v>613</v>
      </c>
      <c r="C611" s="27" t="s">
        <v>19</v>
      </c>
      <c r="D611" s="34">
        <v>40260</v>
      </c>
      <c r="E611" s="32" t="s">
        <v>3056</v>
      </c>
      <c r="F611" s="32" t="s">
        <v>1093</v>
      </c>
      <c r="G611" s="27">
        <v>6</v>
      </c>
    </row>
    <row r="612" spans="1:7" s="3" customFormat="1" ht="13.5" customHeight="1" x14ac:dyDescent="0.15">
      <c r="A612" s="3">
        <v>611</v>
      </c>
      <c r="B612" s="30" t="s">
        <v>613</v>
      </c>
      <c r="C612" s="27" t="s">
        <v>19</v>
      </c>
      <c r="D612" s="34">
        <v>40870</v>
      </c>
      <c r="E612" s="32" t="s">
        <v>3077</v>
      </c>
      <c r="F612" s="32" t="s">
        <v>1578</v>
      </c>
      <c r="G612" s="27">
        <v>12</v>
      </c>
    </row>
    <row r="613" spans="1:7" s="3" customFormat="1" ht="13.5" customHeight="1" x14ac:dyDescent="0.15">
      <c r="A613" s="3">
        <v>612</v>
      </c>
      <c r="B613" s="30" t="s">
        <v>613</v>
      </c>
      <c r="C613" s="47" t="s">
        <v>1593</v>
      </c>
      <c r="D613" s="28">
        <v>41100</v>
      </c>
      <c r="E613" s="29" t="s">
        <v>486</v>
      </c>
      <c r="F613" s="32" t="s">
        <v>2564</v>
      </c>
      <c r="G613" s="27">
        <v>9</v>
      </c>
    </row>
    <row r="614" spans="1:7" s="3" customFormat="1" ht="13.5" customHeight="1" x14ac:dyDescent="0.15">
      <c r="A614" s="3">
        <v>613</v>
      </c>
      <c r="B614" s="30" t="s">
        <v>613</v>
      </c>
      <c r="C614" s="27" t="s">
        <v>883</v>
      </c>
      <c r="D614" s="28">
        <v>42340</v>
      </c>
      <c r="E614" s="36" t="s">
        <v>1003</v>
      </c>
      <c r="F614" s="32" t="s">
        <v>2240</v>
      </c>
      <c r="G614" s="27">
        <v>12</v>
      </c>
    </row>
    <row r="615" spans="1:7" s="3" customFormat="1" ht="13.5" customHeight="1" x14ac:dyDescent="0.15">
      <c r="A615" s="3">
        <v>614</v>
      </c>
      <c r="B615" s="30" t="s">
        <v>613</v>
      </c>
      <c r="C615" s="27" t="s">
        <v>979</v>
      </c>
      <c r="D615" s="34">
        <v>42660</v>
      </c>
      <c r="E615" s="32" t="s">
        <v>2133</v>
      </c>
      <c r="F615" s="32" t="s">
        <v>2134</v>
      </c>
      <c r="G615" s="27">
        <v>6</v>
      </c>
    </row>
    <row r="616" spans="1:7" s="3" customFormat="1" ht="13.5" customHeight="1" x14ac:dyDescent="0.15">
      <c r="A616" s="3">
        <v>615</v>
      </c>
      <c r="B616" s="30" t="s">
        <v>613</v>
      </c>
      <c r="C616" s="27" t="s">
        <v>883</v>
      </c>
      <c r="D616" s="34">
        <v>42710</v>
      </c>
      <c r="E616" s="32" t="s">
        <v>3084</v>
      </c>
      <c r="F616" s="32" t="s">
        <v>2142</v>
      </c>
      <c r="G616" s="27">
        <v>7</v>
      </c>
    </row>
    <row r="617" spans="1:7" s="3" customFormat="1" ht="13.5" customHeight="1" x14ac:dyDescent="0.15">
      <c r="A617" s="3">
        <v>616</v>
      </c>
      <c r="B617" s="30" t="s">
        <v>613</v>
      </c>
      <c r="C617" s="27" t="s">
        <v>883</v>
      </c>
      <c r="D617" s="34">
        <v>42740</v>
      </c>
      <c r="E617" s="32" t="s">
        <v>3087</v>
      </c>
      <c r="F617" s="32" t="s">
        <v>2145</v>
      </c>
      <c r="G617" s="27">
        <v>12</v>
      </c>
    </row>
    <row r="618" spans="1:7" s="3" customFormat="1" ht="13.5" customHeight="1" x14ac:dyDescent="0.15">
      <c r="A618" s="3">
        <v>617</v>
      </c>
      <c r="B618" s="30" t="s">
        <v>613</v>
      </c>
      <c r="C618" s="27" t="s">
        <v>883</v>
      </c>
      <c r="D618" s="34">
        <v>143070</v>
      </c>
      <c r="E618" s="32" t="s">
        <v>2311</v>
      </c>
      <c r="F618" s="32" t="s">
        <v>2312</v>
      </c>
      <c r="G618" s="27">
        <v>6</v>
      </c>
    </row>
    <row r="619" spans="1:7" s="3" customFormat="1" ht="13.5" customHeight="1" x14ac:dyDescent="0.15">
      <c r="A619" s="3">
        <v>618</v>
      </c>
      <c r="B619" s="30" t="s">
        <v>613</v>
      </c>
      <c r="C619" s="27" t="s">
        <v>2306</v>
      </c>
      <c r="D619" s="34">
        <v>143090</v>
      </c>
      <c r="E619" s="32" t="s">
        <v>2307</v>
      </c>
      <c r="F619" s="32" t="s">
        <v>2308</v>
      </c>
      <c r="G619" s="27">
        <v>11</v>
      </c>
    </row>
    <row r="620" spans="1:7" s="3" customFormat="1" ht="13.5" customHeight="1" x14ac:dyDescent="0.15">
      <c r="A620" s="3">
        <v>619</v>
      </c>
      <c r="B620" s="30" t="s">
        <v>613</v>
      </c>
      <c r="C620" s="27" t="s">
        <v>2306</v>
      </c>
      <c r="D620" s="34">
        <v>143130</v>
      </c>
      <c r="E620" s="32" t="s">
        <v>2300</v>
      </c>
      <c r="F620" s="32" t="s">
        <v>2530</v>
      </c>
      <c r="G620" s="27">
        <v>5</v>
      </c>
    </row>
    <row r="621" spans="1:7" s="3" customFormat="1" ht="13.5" customHeight="1" x14ac:dyDescent="0.15">
      <c r="A621" s="3">
        <v>620</v>
      </c>
      <c r="B621" s="30" t="s">
        <v>613</v>
      </c>
      <c r="C621" s="27" t="s">
        <v>883</v>
      </c>
      <c r="D621" s="34">
        <v>143290</v>
      </c>
      <c r="E621" s="32" t="s">
        <v>2384</v>
      </c>
      <c r="F621" s="32" t="s">
        <v>2385</v>
      </c>
      <c r="G621" s="27">
        <v>5</v>
      </c>
    </row>
    <row r="622" spans="1:7" s="3" customFormat="1" ht="13.5" customHeight="1" x14ac:dyDescent="0.15">
      <c r="A622" s="3">
        <v>621</v>
      </c>
      <c r="B622" s="30" t="s">
        <v>613</v>
      </c>
      <c r="C622" s="27" t="s">
        <v>883</v>
      </c>
      <c r="D622" s="34">
        <v>143410</v>
      </c>
      <c r="E622" s="32" t="s">
        <v>2402</v>
      </c>
      <c r="F622" s="32" t="s">
        <v>2403</v>
      </c>
      <c r="G622" s="27">
        <v>12</v>
      </c>
    </row>
    <row r="623" spans="1:7" s="3" customFormat="1" ht="13.5" customHeight="1" x14ac:dyDescent="0.15">
      <c r="A623" s="3">
        <v>622</v>
      </c>
      <c r="B623" s="30" t="s">
        <v>613</v>
      </c>
      <c r="C623" s="27" t="s">
        <v>883</v>
      </c>
      <c r="D623" s="31">
        <v>143880</v>
      </c>
      <c r="E623" s="32" t="s">
        <v>2478</v>
      </c>
      <c r="F623" s="32" t="s">
        <v>2479</v>
      </c>
      <c r="G623" s="27">
        <v>12</v>
      </c>
    </row>
    <row r="624" spans="1:7" s="3" customFormat="1" ht="13.5" customHeight="1" x14ac:dyDescent="0.15">
      <c r="A624" s="3">
        <v>623</v>
      </c>
      <c r="B624" s="30" t="s">
        <v>613</v>
      </c>
      <c r="C624" s="27" t="s">
        <v>883</v>
      </c>
      <c r="D624" s="31">
        <v>143970</v>
      </c>
      <c r="E624" s="32" t="s">
        <v>2500</v>
      </c>
      <c r="F624" s="32" t="s">
        <v>2534</v>
      </c>
      <c r="G624" s="27">
        <v>3</v>
      </c>
    </row>
    <row r="625" spans="1:46" s="3" customFormat="1" ht="13.5" customHeight="1" x14ac:dyDescent="0.15">
      <c r="A625" s="3">
        <v>624</v>
      </c>
      <c r="B625" s="30" t="s">
        <v>613</v>
      </c>
      <c r="C625" s="27" t="s">
        <v>2306</v>
      </c>
      <c r="D625" s="28">
        <v>144300</v>
      </c>
      <c r="E625" s="29" t="s">
        <v>3107</v>
      </c>
      <c r="F625" s="29" t="s">
        <v>2879</v>
      </c>
      <c r="G625" s="27">
        <v>3</v>
      </c>
    </row>
    <row r="626" spans="1:46" ht="13.5" customHeight="1" x14ac:dyDescent="0.15">
      <c r="A626" s="3">
        <v>625</v>
      </c>
      <c r="B626" s="30" t="s">
        <v>613</v>
      </c>
      <c r="C626" s="27" t="s">
        <v>883</v>
      </c>
      <c r="D626" s="31">
        <v>144450</v>
      </c>
      <c r="E626" s="32" t="s">
        <v>3108</v>
      </c>
      <c r="F626" s="32" t="s">
        <v>2734</v>
      </c>
      <c r="G626" s="27">
        <v>8</v>
      </c>
      <c r="H626" s="3"/>
      <c r="I626" s="3"/>
      <c r="J626" s="3"/>
      <c r="K626" s="3"/>
      <c r="L626" s="3"/>
      <c r="M626" s="3"/>
      <c r="N626" s="3"/>
      <c r="O626" s="3"/>
      <c r="P626" s="3"/>
      <c r="Q626" s="3"/>
      <c r="R626" s="3"/>
      <c r="S626" s="3"/>
      <c r="T626" s="3"/>
      <c r="U626" s="3"/>
      <c r="V626" s="3"/>
      <c r="W626" s="3"/>
      <c r="X626" s="3"/>
      <c r="Y626" s="3"/>
      <c r="Z626" s="3"/>
      <c r="AA626" s="3"/>
      <c r="AB626" s="3"/>
      <c r="AC626" s="3"/>
      <c r="AD626" s="3"/>
      <c r="AE626" s="3"/>
      <c r="AF626" s="3"/>
      <c r="AG626" s="3"/>
      <c r="AH626" s="3"/>
      <c r="AI626" s="3"/>
      <c r="AJ626" s="3"/>
      <c r="AK626" s="3"/>
      <c r="AL626" s="3"/>
      <c r="AM626" s="3"/>
      <c r="AN626" s="3"/>
      <c r="AO626" s="3"/>
      <c r="AP626" s="3"/>
      <c r="AQ626" s="3"/>
      <c r="AR626" s="3"/>
      <c r="AS626" s="3"/>
      <c r="AT626" s="3"/>
    </row>
    <row r="627" spans="1:46" s="3" customFormat="1" ht="13.5" customHeight="1" x14ac:dyDescent="0.15">
      <c r="A627" s="3">
        <v>626</v>
      </c>
      <c r="B627" s="30" t="s">
        <v>613</v>
      </c>
      <c r="C627" s="27" t="s">
        <v>2306</v>
      </c>
      <c r="D627" s="31">
        <v>144640</v>
      </c>
      <c r="E627" s="29" t="s">
        <v>2787</v>
      </c>
      <c r="F627" s="32" t="s">
        <v>2788</v>
      </c>
      <c r="G627" s="27">
        <v>4</v>
      </c>
    </row>
    <row r="628" spans="1:46" s="3" customFormat="1" ht="13.5" customHeight="1" x14ac:dyDescent="0.15">
      <c r="A628" s="3">
        <v>627</v>
      </c>
      <c r="B628" s="30" t="s">
        <v>613</v>
      </c>
      <c r="C628" s="27" t="s">
        <v>2306</v>
      </c>
      <c r="D628" s="31">
        <v>144670</v>
      </c>
      <c r="E628" s="29" t="s">
        <v>2643</v>
      </c>
      <c r="F628" s="29" t="s">
        <v>2666</v>
      </c>
      <c r="G628" s="27">
        <v>12</v>
      </c>
    </row>
    <row r="629" spans="1:46" s="3" customFormat="1" ht="13.5" customHeight="1" x14ac:dyDescent="0.15">
      <c r="A629" s="3">
        <v>628</v>
      </c>
      <c r="B629" s="30" t="s">
        <v>613</v>
      </c>
      <c r="C629" s="27" t="s">
        <v>2306</v>
      </c>
      <c r="D629" s="31">
        <v>144770</v>
      </c>
      <c r="E629" s="29" t="s">
        <v>2653</v>
      </c>
      <c r="F629" s="29" t="s">
        <v>2676</v>
      </c>
      <c r="G629" s="27">
        <v>9</v>
      </c>
    </row>
    <row r="630" spans="1:46" s="3" customFormat="1" ht="13.5" customHeight="1" x14ac:dyDescent="0.15">
      <c r="A630" s="3">
        <v>629</v>
      </c>
      <c r="B630" s="30" t="s">
        <v>613</v>
      </c>
      <c r="C630" s="27" t="s">
        <v>2306</v>
      </c>
      <c r="D630" s="28">
        <v>144780</v>
      </c>
      <c r="E630" s="29" t="s">
        <v>2654</v>
      </c>
      <c r="F630" s="29" t="s">
        <v>2677</v>
      </c>
      <c r="G630" s="27">
        <v>8</v>
      </c>
    </row>
    <row r="631" spans="1:46" s="3" customFormat="1" ht="13.5" customHeight="1" x14ac:dyDescent="0.15">
      <c r="A631" s="3">
        <v>630</v>
      </c>
      <c r="B631" s="30" t="s">
        <v>613</v>
      </c>
      <c r="C631" s="27" t="s">
        <v>2306</v>
      </c>
      <c r="D631" s="28">
        <v>144980</v>
      </c>
      <c r="E631" s="29" t="s">
        <v>2705</v>
      </c>
      <c r="F631" s="29" t="s">
        <v>2696</v>
      </c>
      <c r="G631" s="27">
        <v>12</v>
      </c>
    </row>
    <row r="632" spans="1:46" s="3" customFormat="1" ht="13.5" customHeight="1" x14ac:dyDescent="0.15">
      <c r="A632" s="3">
        <v>631</v>
      </c>
      <c r="B632" s="30" t="s">
        <v>613</v>
      </c>
      <c r="C632" s="27" t="s">
        <v>2306</v>
      </c>
      <c r="D632" s="31">
        <v>144990</v>
      </c>
      <c r="E632" s="29" t="s">
        <v>2757</v>
      </c>
      <c r="F632" s="40" t="s">
        <v>2747</v>
      </c>
      <c r="G632" s="27">
        <v>3</v>
      </c>
    </row>
    <row r="633" spans="1:46" s="3" customFormat="1" ht="13.5" customHeight="1" x14ac:dyDescent="0.15">
      <c r="A633" s="3">
        <v>632</v>
      </c>
      <c r="B633" s="30" t="s">
        <v>613</v>
      </c>
      <c r="C633" s="27" t="s">
        <v>2306</v>
      </c>
      <c r="D633" s="31">
        <v>145150</v>
      </c>
      <c r="E633" s="29" t="s">
        <v>2773</v>
      </c>
      <c r="F633" s="40" t="s">
        <v>2739</v>
      </c>
      <c r="G633" s="27">
        <v>6</v>
      </c>
    </row>
    <row r="634" spans="1:46" s="3" customFormat="1" ht="13.5" customHeight="1" x14ac:dyDescent="0.15">
      <c r="A634" s="3">
        <v>633</v>
      </c>
      <c r="B634" s="30" t="s">
        <v>613</v>
      </c>
      <c r="C634" s="27" t="s">
        <v>2306</v>
      </c>
      <c r="D634" s="28">
        <v>145160</v>
      </c>
      <c r="E634" s="29" t="s">
        <v>2774</v>
      </c>
      <c r="F634" s="40" t="s">
        <v>2745</v>
      </c>
      <c r="G634" s="27">
        <v>6</v>
      </c>
    </row>
    <row r="635" spans="1:46" s="3" customFormat="1" ht="13.5" customHeight="1" x14ac:dyDescent="0.15">
      <c r="A635" s="3">
        <v>634</v>
      </c>
      <c r="B635" s="30" t="s">
        <v>613</v>
      </c>
      <c r="C635" s="27" t="s">
        <v>2306</v>
      </c>
      <c r="D635" s="31">
        <v>145170</v>
      </c>
      <c r="E635" s="29" t="s">
        <v>2775</v>
      </c>
      <c r="F635" s="40" t="s">
        <v>2740</v>
      </c>
      <c r="G635" s="27">
        <v>8</v>
      </c>
    </row>
    <row r="636" spans="1:46" s="3" customFormat="1" ht="13.5" customHeight="1" x14ac:dyDescent="0.15">
      <c r="A636" s="3">
        <v>635</v>
      </c>
      <c r="B636" s="30" t="s">
        <v>613</v>
      </c>
      <c r="C636" s="27" t="s">
        <v>2851</v>
      </c>
      <c r="D636" s="31">
        <v>145220</v>
      </c>
      <c r="E636" s="29" t="s">
        <v>2823</v>
      </c>
      <c r="F636" s="40" t="s">
        <v>2796</v>
      </c>
      <c r="G636" s="27">
        <v>7</v>
      </c>
    </row>
    <row r="637" spans="1:46" s="3" customFormat="1" ht="13.5" customHeight="1" x14ac:dyDescent="0.15">
      <c r="A637" s="3">
        <v>636</v>
      </c>
      <c r="B637" s="30" t="s">
        <v>613</v>
      </c>
      <c r="C637" s="27" t="s">
        <v>19</v>
      </c>
      <c r="D637" s="31">
        <v>145260</v>
      </c>
      <c r="E637" s="29" t="s">
        <v>2827</v>
      </c>
      <c r="F637" s="40" t="s">
        <v>2930</v>
      </c>
      <c r="G637" s="27">
        <v>10</v>
      </c>
    </row>
    <row r="638" spans="1:46" s="3" customFormat="1" ht="13.5" customHeight="1" x14ac:dyDescent="0.15">
      <c r="A638" s="3">
        <v>637</v>
      </c>
      <c r="B638" s="30" t="s">
        <v>613</v>
      </c>
      <c r="C638" s="27" t="s">
        <v>2856</v>
      </c>
      <c r="D638" s="31">
        <v>145300</v>
      </c>
      <c r="E638" s="29" t="s">
        <v>2830</v>
      </c>
      <c r="F638" s="40" t="s">
        <v>2801</v>
      </c>
      <c r="G638" s="27">
        <v>5</v>
      </c>
    </row>
    <row r="639" spans="1:46" s="3" customFormat="1" ht="13.5" customHeight="1" x14ac:dyDescent="0.15">
      <c r="A639" s="3">
        <v>638</v>
      </c>
      <c r="B639" s="30" t="s">
        <v>3239</v>
      </c>
      <c r="C639" s="39" t="s">
        <v>3240</v>
      </c>
      <c r="D639" s="33">
        <v>146260</v>
      </c>
      <c r="E639" s="40" t="s">
        <v>3241</v>
      </c>
      <c r="F639" s="29" t="s">
        <v>3242</v>
      </c>
      <c r="G639" s="27">
        <v>7</v>
      </c>
      <c r="H639" s="2"/>
      <c r="I639" s="2"/>
      <c r="J639" s="2"/>
      <c r="K639" s="2"/>
      <c r="L639" s="2"/>
      <c r="M639" s="2"/>
      <c r="N639" s="2"/>
      <c r="O639" s="2"/>
      <c r="P639" s="2"/>
      <c r="Q639" s="2"/>
      <c r="R639" s="2"/>
      <c r="S639" s="2"/>
      <c r="T639" s="2"/>
      <c r="U639" s="2"/>
      <c r="V639" s="2"/>
      <c r="W639" s="2"/>
      <c r="X639" s="2"/>
      <c r="Y639" s="2"/>
      <c r="Z639" s="2"/>
      <c r="AA639" s="2"/>
      <c r="AB639" s="2"/>
      <c r="AC639" s="2"/>
      <c r="AD639" s="2"/>
      <c r="AE639" s="2"/>
      <c r="AF639" s="2"/>
      <c r="AG639" s="2"/>
      <c r="AH639" s="2"/>
      <c r="AI639" s="2"/>
      <c r="AJ639" s="2"/>
      <c r="AK639" s="2"/>
      <c r="AL639" s="2"/>
      <c r="AM639" s="2"/>
      <c r="AN639" s="2"/>
      <c r="AO639" s="2"/>
      <c r="AP639" s="2"/>
      <c r="AQ639" s="2"/>
      <c r="AR639" s="2"/>
      <c r="AS639" s="2"/>
      <c r="AT639" s="2"/>
    </row>
    <row r="640" spans="1:46" s="3" customFormat="1" ht="13.5" customHeight="1" x14ac:dyDescent="0.15">
      <c r="A640" s="3">
        <v>639</v>
      </c>
      <c r="B640" s="30" t="s">
        <v>613</v>
      </c>
      <c r="C640" s="39" t="s">
        <v>2306</v>
      </c>
      <c r="D640" s="33">
        <v>146330</v>
      </c>
      <c r="E640" s="40" t="s">
        <v>3131</v>
      </c>
      <c r="F640" s="29" t="s">
        <v>3132</v>
      </c>
      <c r="G640" s="27">
        <v>4</v>
      </c>
    </row>
    <row r="641" spans="1:46" s="3" customFormat="1" ht="13.5" customHeight="1" x14ac:dyDescent="0.15">
      <c r="A641" s="3">
        <v>640</v>
      </c>
      <c r="B641" s="30" t="s">
        <v>613</v>
      </c>
      <c r="C641" s="39" t="s">
        <v>2306</v>
      </c>
      <c r="D641" s="33">
        <v>146470</v>
      </c>
      <c r="E641" s="40" t="s">
        <v>3144</v>
      </c>
      <c r="F641" s="29" t="s">
        <v>3171</v>
      </c>
      <c r="G641" s="27">
        <v>5</v>
      </c>
    </row>
    <row r="642" spans="1:46" s="3" customFormat="1" ht="13.5" customHeight="1" x14ac:dyDescent="0.15">
      <c r="A642" s="3">
        <v>641</v>
      </c>
      <c r="B642" s="30" t="s">
        <v>613</v>
      </c>
      <c r="C642" s="39" t="s">
        <v>2306</v>
      </c>
      <c r="D642" s="33">
        <v>146550</v>
      </c>
      <c r="E642" s="40" t="s">
        <v>3149</v>
      </c>
      <c r="F642" s="29" t="s">
        <v>3178</v>
      </c>
      <c r="G642" s="27">
        <v>7</v>
      </c>
    </row>
    <row r="643" spans="1:46" s="3" customFormat="1" ht="13.5" customHeight="1" x14ac:dyDescent="0.15">
      <c r="A643" s="3">
        <v>642</v>
      </c>
      <c r="B643" s="30" t="s">
        <v>613</v>
      </c>
      <c r="C643" s="27" t="s">
        <v>3262</v>
      </c>
      <c r="D643" s="28">
        <v>146780</v>
      </c>
      <c r="E643" s="29" t="s">
        <v>3291</v>
      </c>
      <c r="F643" s="53" t="s">
        <v>3292</v>
      </c>
      <c r="G643" s="27">
        <v>6</v>
      </c>
      <c r="H643" s="2"/>
      <c r="I643" s="2"/>
      <c r="J643" s="2"/>
      <c r="K643" s="2"/>
      <c r="L643" s="2"/>
      <c r="M643" s="2"/>
      <c r="N643" s="2"/>
      <c r="O643" s="2"/>
      <c r="P643" s="2"/>
      <c r="Q643" s="2"/>
      <c r="R643" s="2"/>
      <c r="S643" s="2"/>
      <c r="T643" s="2"/>
      <c r="U643" s="2"/>
      <c r="V643" s="2"/>
      <c r="W643" s="2"/>
      <c r="X643" s="2"/>
      <c r="Y643" s="2"/>
      <c r="Z643" s="2"/>
      <c r="AA643" s="2"/>
      <c r="AB643" s="2"/>
      <c r="AC643" s="2"/>
      <c r="AD643" s="2"/>
      <c r="AE643" s="2"/>
      <c r="AF643" s="2"/>
      <c r="AG643" s="2"/>
      <c r="AH643" s="2"/>
      <c r="AI643" s="2"/>
      <c r="AJ643" s="2"/>
      <c r="AK643" s="2"/>
      <c r="AL643" s="2"/>
      <c r="AM643" s="2"/>
      <c r="AN643" s="2"/>
      <c r="AO643" s="2"/>
      <c r="AP643" s="2"/>
      <c r="AQ643" s="2"/>
      <c r="AR643" s="2"/>
      <c r="AS643" s="2"/>
      <c r="AT643" s="2"/>
    </row>
    <row r="644" spans="1:46" s="3" customFormat="1" ht="13.5" customHeight="1" x14ac:dyDescent="0.15">
      <c r="A644" s="3">
        <v>643</v>
      </c>
      <c r="B644" s="30" t="s">
        <v>613</v>
      </c>
      <c r="C644" s="27" t="s">
        <v>3415</v>
      </c>
      <c r="D644" s="28">
        <v>147150</v>
      </c>
      <c r="E644" s="29" t="s">
        <v>3376</v>
      </c>
      <c r="F644" s="29" t="s">
        <v>3397</v>
      </c>
      <c r="G644" s="27">
        <v>7</v>
      </c>
      <c r="H644" s="2"/>
      <c r="I644" s="2"/>
      <c r="J644" s="2"/>
      <c r="K644" s="2"/>
      <c r="L644" s="2"/>
      <c r="M644" s="2"/>
      <c r="N644" s="2"/>
      <c r="O644" s="2"/>
      <c r="P644" s="2"/>
      <c r="Q644" s="2"/>
      <c r="R644" s="2"/>
      <c r="S644" s="2"/>
      <c r="T644" s="2"/>
      <c r="U644" s="2"/>
      <c r="V644" s="2"/>
      <c r="W644" s="2"/>
      <c r="X644" s="2"/>
      <c r="Y644" s="2"/>
      <c r="Z644" s="2"/>
      <c r="AA644" s="2"/>
      <c r="AB644" s="2"/>
      <c r="AC644" s="2"/>
      <c r="AD644" s="2"/>
      <c r="AE644" s="2"/>
      <c r="AF644" s="2"/>
      <c r="AG644" s="2"/>
      <c r="AH644" s="2"/>
      <c r="AI644" s="2"/>
      <c r="AJ644" s="2"/>
      <c r="AK644" s="2"/>
      <c r="AL644" s="2"/>
      <c r="AM644" s="2"/>
      <c r="AN644" s="2"/>
      <c r="AO644" s="2"/>
      <c r="AP644" s="2"/>
      <c r="AQ644" s="2"/>
      <c r="AR644" s="2"/>
      <c r="AS644" s="2"/>
      <c r="AT644" s="2"/>
    </row>
    <row r="645" spans="1:46" s="3" customFormat="1" ht="13.5" customHeight="1" x14ac:dyDescent="0.15">
      <c r="A645" s="3">
        <v>644</v>
      </c>
      <c r="B645" s="30" t="s">
        <v>613</v>
      </c>
      <c r="C645" s="27" t="s">
        <v>883</v>
      </c>
      <c r="D645" s="28">
        <v>147190</v>
      </c>
      <c r="E645" s="29" t="s">
        <v>3380</v>
      </c>
      <c r="F645" s="29" t="s">
        <v>3401</v>
      </c>
      <c r="G645" s="27">
        <v>7</v>
      </c>
      <c r="H645" s="2"/>
      <c r="I645" s="2"/>
      <c r="J645" s="2"/>
      <c r="K645" s="2"/>
      <c r="L645" s="2"/>
      <c r="M645" s="2"/>
      <c r="N645" s="2"/>
      <c r="O645" s="2"/>
      <c r="P645" s="2"/>
      <c r="Q645" s="2"/>
      <c r="R645" s="2"/>
      <c r="S645" s="2"/>
      <c r="T645" s="2"/>
      <c r="U645" s="2"/>
      <c r="V645" s="2"/>
      <c r="W645" s="2"/>
      <c r="X645" s="2"/>
      <c r="Y645" s="2"/>
      <c r="Z645" s="2"/>
      <c r="AA645" s="2"/>
      <c r="AB645" s="2"/>
      <c r="AC645" s="2"/>
      <c r="AD645" s="2"/>
      <c r="AE645" s="2"/>
      <c r="AF645" s="2"/>
      <c r="AG645" s="2"/>
      <c r="AH645" s="2"/>
      <c r="AI645" s="2"/>
      <c r="AJ645" s="2"/>
      <c r="AK645" s="2"/>
      <c r="AL645" s="2"/>
      <c r="AM645" s="2"/>
      <c r="AN645" s="2"/>
      <c r="AO645" s="2"/>
      <c r="AP645" s="2"/>
      <c r="AQ645" s="2"/>
      <c r="AR645" s="2"/>
      <c r="AS645" s="2"/>
      <c r="AT645" s="2"/>
    </row>
    <row r="646" spans="1:46" s="3" customFormat="1" ht="13.5" customHeight="1" x14ac:dyDescent="0.15">
      <c r="A646" s="3">
        <v>645</v>
      </c>
      <c r="B646" s="30" t="s">
        <v>613</v>
      </c>
      <c r="C646" s="27" t="s">
        <v>883</v>
      </c>
      <c r="D646" s="28">
        <v>147220</v>
      </c>
      <c r="E646" s="29" t="s">
        <v>3383</v>
      </c>
      <c r="F646" s="29" t="s">
        <v>3404</v>
      </c>
      <c r="G646" s="27">
        <v>7</v>
      </c>
      <c r="H646" s="2"/>
      <c r="I646" s="2"/>
      <c r="J646" s="2"/>
      <c r="K646" s="2"/>
      <c r="L646" s="2"/>
      <c r="M646" s="2"/>
      <c r="N646" s="2"/>
      <c r="O646" s="2"/>
      <c r="P646" s="2"/>
      <c r="Q646" s="2"/>
      <c r="R646" s="2"/>
      <c r="S646" s="2"/>
      <c r="T646" s="2"/>
      <c r="U646" s="2"/>
      <c r="V646" s="2"/>
      <c r="W646" s="2"/>
      <c r="X646" s="2"/>
      <c r="Y646" s="2"/>
      <c r="Z646" s="2"/>
      <c r="AA646" s="2"/>
      <c r="AB646" s="2"/>
      <c r="AC646" s="2"/>
      <c r="AD646" s="2"/>
      <c r="AE646" s="2"/>
      <c r="AF646" s="2"/>
      <c r="AG646" s="2"/>
      <c r="AH646" s="2"/>
      <c r="AI646" s="2"/>
      <c r="AJ646" s="2"/>
      <c r="AK646" s="2"/>
      <c r="AL646" s="2"/>
      <c r="AM646" s="2"/>
      <c r="AN646" s="2"/>
      <c r="AO646" s="2"/>
      <c r="AP646" s="2"/>
      <c r="AQ646" s="2"/>
      <c r="AR646" s="2"/>
      <c r="AS646" s="2"/>
      <c r="AT646" s="2"/>
    </row>
    <row r="647" spans="1:46" s="3" customFormat="1" ht="13.5" customHeight="1" x14ac:dyDescent="0.15">
      <c r="A647" s="3">
        <v>646</v>
      </c>
      <c r="B647" s="26" t="s">
        <v>1051</v>
      </c>
      <c r="C647" s="27" t="s">
        <v>190</v>
      </c>
      <c r="D647" s="28">
        <v>271</v>
      </c>
      <c r="E647" s="29" t="s">
        <v>881</v>
      </c>
      <c r="F647" s="29" t="s">
        <v>3581</v>
      </c>
      <c r="G647" s="27">
        <v>3</v>
      </c>
      <c r="H647" s="2"/>
      <c r="I647" s="2"/>
      <c r="J647" s="2"/>
      <c r="K647" s="2"/>
      <c r="L647" s="2"/>
      <c r="M647" s="2"/>
      <c r="N647" s="2"/>
      <c r="O647" s="2"/>
      <c r="P647" s="2"/>
      <c r="Q647" s="2"/>
      <c r="R647" s="2"/>
      <c r="S647" s="2"/>
      <c r="T647" s="2"/>
      <c r="U647" s="2"/>
      <c r="V647" s="2"/>
      <c r="W647" s="2"/>
      <c r="X647" s="2"/>
      <c r="Y647" s="2"/>
      <c r="Z647" s="2"/>
      <c r="AA647" s="2"/>
      <c r="AB647" s="2"/>
      <c r="AC647" s="2"/>
      <c r="AD647" s="2"/>
      <c r="AE647" s="2"/>
      <c r="AF647" s="2"/>
      <c r="AG647" s="2"/>
      <c r="AH647" s="2"/>
      <c r="AI647" s="2"/>
      <c r="AJ647" s="2"/>
      <c r="AK647" s="2"/>
      <c r="AL647" s="2"/>
      <c r="AM647" s="2"/>
      <c r="AN647" s="2"/>
      <c r="AO647" s="2"/>
      <c r="AP647" s="2"/>
      <c r="AQ647" s="2"/>
      <c r="AR647" s="2"/>
      <c r="AS647" s="2"/>
      <c r="AT647" s="2"/>
    </row>
    <row r="648" spans="1:46" s="3" customFormat="1" ht="13.5" customHeight="1" x14ac:dyDescent="0.15">
      <c r="A648" s="3">
        <v>647</v>
      </c>
      <c r="B648" s="26" t="s">
        <v>1051</v>
      </c>
      <c r="C648" s="27" t="s">
        <v>190</v>
      </c>
      <c r="D648" s="28">
        <v>281</v>
      </c>
      <c r="E648" s="29" t="s">
        <v>2737</v>
      </c>
      <c r="F648" s="29" t="s">
        <v>1478</v>
      </c>
      <c r="G648" s="27">
        <v>3</v>
      </c>
      <c r="H648" s="2"/>
      <c r="I648" s="2"/>
      <c r="J648" s="2"/>
      <c r="K648" s="2"/>
      <c r="L648" s="2"/>
      <c r="M648" s="2"/>
      <c r="N648" s="2"/>
      <c r="O648" s="2"/>
      <c r="P648" s="2"/>
      <c r="Q648" s="2"/>
      <c r="R648" s="2"/>
      <c r="S648" s="2"/>
      <c r="T648" s="2"/>
      <c r="U648" s="2"/>
      <c r="V648" s="2"/>
      <c r="W648" s="2"/>
      <c r="X648" s="2"/>
      <c r="Y648" s="2"/>
      <c r="Z648" s="2"/>
      <c r="AA648" s="2"/>
      <c r="AB648" s="2"/>
      <c r="AC648" s="2"/>
      <c r="AD648" s="2"/>
      <c r="AE648" s="2"/>
      <c r="AF648" s="2"/>
      <c r="AG648" s="2"/>
      <c r="AH648" s="2"/>
      <c r="AI648" s="2"/>
      <c r="AJ648" s="2"/>
      <c r="AK648" s="2"/>
      <c r="AL648" s="2"/>
      <c r="AM648" s="2"/>
      <c r="AN648" s="2"/>
      <c r="AO648" s="2"/>
      <c r="AP648" s="2"/>
      <c r="AQ648" s="2"/>
      <c r="AR648" s="2"/>
      <c r="AS648" s="2"/>
      <c r="AT648" s="2"/>
    </row>
    <row r="649" spans="1:46" s="3" customFormat="1" ht="13.5" customHeight="1" x14ac:dyDescent="0.15">
      <c r="A649" s="3">
        <v>648</v>
      </c>
      <c r="B649" s="30" t="s">
        <v>613</v>
      </c>
      <c r="C649" s="27" t="s">
        <v>190</v>
      </c>
      <c r="D649" s="31">
        <v>5720</v>
      </c>
      <c r="E649" s="32" t="s">
        <v>1202</v>
      </c>
      <c r="F649" s="32" t="s">
        <v>1412</v>
      </c>
      <c r="G649" s="27">
        <v>9</v>
      </c>
    </row>
    <row r="650" spans="1:46" s="3" customFormat="1" ht="13.5" customHeight="1" x14ac:dyDescent="0.15">
      <c r="A650" s="3">
        <v>649</v>
      </c>
      <c r="B650" s="30" t="s">
        <v>613</v>
      </c>
      <c r="C650" s="27" t="s">
        <v>190</v>
      </c>
      <c r="D650" s="31">
        <v>6970</v>
      </c>
      <c r="E650" s="32" t="s">
        <v>834</v>
      </c>
      <c r="F650" s="32" t="s">
        <v>2123</v>
      </c>
      <c r="G650" s="27">
        <v>8</v>
      </c>
    </row>
    <row r="651" spans="1:46" s="3" customFormat="1" ht="13.5" customHeight="1" x14ac:dyDescent="0.15">
      <c r="A651" s="3">
        <v>650</v>
      </c>
      <c r="B651" s="30" t="s">
        <v>613</v>
      </c>
      <c r="C651" s="27" t="s">
        <v>190</v>
      </c>
      <c r="D651" s="31">
        <v>7790</v>
      </c>
      <c r="E651" s="32" t="s">
        <v>430</v>
      </c>
      <c r="F651" s="32" t="s">
        <v>1094</v>
      </c>
      <c r="G651" s="27">
        <v>5</v>
      </c>
    </row>
    <row r="652" spans="1:46" s="3" customFormat="1" ht="13.5" customHeight="1" x14ac:dyDescent="0.15">
      <c r="A652" s="3">
        <v>651</v>
      </c>
      <c r="B652" s="30" t="s">
        <v>613</v>
      </c>
      <c r="C652" s="27" t="s">
        <v>190</v>
      </c>
      <c r="D652" s="31">
        <v>9700</v>
      </c>
      <c r="E652" s="32" t="s">
        <v>278</v>
      </c>
      <c r="F652" s="32" t="s">
        <v>914</v>
      </c>
      <c r="G652" s="27">
        <v>2</v>
      </c>
    </row>
    <row r="653" spans="1:46" s="3" customFormat="1" ht="13.5" customHeight="1" x14ac:dyDescent="0.15">
      <c r="A653" s="3">
        <v>652</v>
      </c>
      <c r="B653" s="30" t="s">
        <v>613</v>
      </c>
      <c r="C653" s="27" t="s">
        <v>190</v>
      </c>
      <c r="D653" s="31">
        <v>10570</v>
      </c>
      <c r="E653" s="32" t="s">
        <v>1774</v>
      </c>
      <c r="F653" s="32" t="s">
        <v>1803</v>
      </c>
      <c r="G653" s="27">
        <v>4</v>
      </c>
    </row>
    <row r="654" spans="1:46" s="3" customFormat="1" ht="13.5" customHeight="1" x14ac:dyDescent="0.15">
      <c r="A654" s="3">
        <v>653</v>
      </c>
      <c r="B654" s="30" t="s">
        <v>613</v>
      </c>
      <c r="C654" s="27" t="s">
        <v>190</v>
      </c>
      <c r="D654" s="31">
        <v>13240</v>
      </c>
      <c r="E654" s="32" t="s">
        <v>1816</v>
      </c>
      <c r="F654" s="32" t="s">
        <v>1389</v>
      </c>
      <c r="G654" s="27">
        <v>5</v>
      </c>
    </row>
    <row r="655" spans="1:46" s="3" customFormat="1" ht="13.5" customHeight="1" x14ac:dyDescent="0.15">
      <c r="A655" s="3">
        <v>654</v>
      </c>
      <c r="B655" s="30" t="s">
        <v>613</v>
      </c>
      <c r="C655" s="27" t="s">
        <v>190</v>
      </c>
      <c r="D655" s="31">
        <v>13780</v>
      </c>
      <c r="E655" s="32" t="s">
        <v>1494</v>
      </c>
      <c r="F655" s="32" t="s">
        <v>1804</v>
      </c>
      <c r="G655" s="27">
        <v>6</v>
      </c>
    </row>
    <row r="656" spans="1:46" s="3" customFormat="1" ht="13.5" customHeight="1" x14ac:dyDescent="0.15">
      <c r="A656" s="3">
        <v>655</v>
      </c>
      <c r="B656" s="30" t="s">
        <v>613</v>
      </c>
      <c r="C656" s="27" t="s">
        <v>190</v>
      </c>
      <c r="D656" s="31">
        <v>15350</v>
      </c>
      <c r="E656" s="32" t="s">
        <v>446</v>
      </c>
      <c r="F656" s="32" t="s">
        <v>2241</v>
      </c>
      <c r="G656" s="27">
        <v>9</v>
      </c>
    </row>
    <row r="657" spans="1:46" s="3" customFormat="1" ht="13.5" customHeight="1" x14ac:dyDescent="0.15">
      <c r="A657" s="3">
        <v>656</v>
      </c>
      <c r="B657" s="30" t="s">
        <v>613</v>
      </c>
      <c r="C657" s="27" t="s">
        <v>190</v>
      </c>
      <c r="D657" s="31">
        <v>23920</v>
      </c>
      <c r="E657" s="32" t="s">
        <v>1846</v>
      </c>
      <c r="F657" s="32" t="s">
        <v>3339</v>
      </c>
      <c r="G657" s="27">
        <v>12</v>
      </c>
    </row>
    <row r="658" spans="1:46" s="3" customFormat="1" ht="13.5" customHeight="1" x14ac:dyDescent="0.15">
      <c r="A658" s="3">
        <v>657</v>
      </c>
      <c r="B658" s="30" t="s">
        <v>613</v>
      </c>
      <c r="C658" s="27" t="s">
        <v>190</v>
      </c>
      <c r="D658" s="31">
        <v>25800</v>
      </c>
      <c r="E658" s="32" t="s">
        <v>1458</v>
      </c>
      <c r="F658" s="32" t="s">
        <v>1257</v>
      </c>
      <c r="G658" s="27">
        <v>10</v>
      </c>
    </row>
    <row r="659" spans="1:46" s="3" customFormat="1" ht="13.5" customHeight="1" x14ac:dyDescent="0.15">
      <c r="A659" s="3">
        <v>658</v>
      </c>
      <c r="B659" s="30" t="s">
        <v>613</v>
      </c>
      <c r="C659" s="27" t="s">
        <v>190</v>
      </c>
      <c r="D659" s="31">
        <v>27120</v>
      </c>
      <c r="E659" s="32" t="s">
        <v>573</v>
      </c>
      <c r="F659" s="32" t="s">
        <v>2421</v>
      </c>
      <c r="G659" s="27">
        <v>12</v>
      </c>
    </row>
    <row r="660" spans="1:46" s="3" customFormat="1" ht="13.5" customHeight="1" x14ac:dyDescent="0.15">
      <c r="A660" s="3">
        <v>659</v>
      </c>
      <c r="B660" s="30" t="s">
        <v>613</v>
      </c>
      <c r="C660" s="27" t="s">
        <v>190</v>
      </c>
      <c r="D660" s="31">
        <v>27230</v>
      </c>
      <c r="E660" s="32" t="s">
        <v>969</v>
      </c>
      <c r="F660" s="32" t="s">
        <v>517</v>
      </c>
      <c r="G660" s="27">
        <v>12</v>
      </c>
    </row>
    <row r="661" spans="1:46" s="3" customFormat="1" ht="13.5" customHeight="1" x14ac:dyDescent="0.15">
      <c r="A661" s="3">
        <v>660</v>
      </c>
      <c r="B661" s="30" t="s">
        <v>613</v>
      </c>
      <c r="C661" s="27" t="s">
        <v>190</v>
      </c>
      <c r="D661" s="31">
        <v>28160</v>
      </c>
      <c r="E661" s="32" t="s">
        <v>933</v>
      </c>
      <c r="F661" s="32" t="s">
        <v>1802</v>
      </c>
      <c r="G661" s="27">
        <v>12</v>
      </c>
    </row>
    <row r="662" spans="1:46" s="3" customFormat="1" ht="13.5" customHeight="1" x14ac:dyDescent="0.15">
      <c r="A662" s="3">
        <v>661</v>
      </c>
      <c r="B662" s="30" t="s">
        <v>613</v>
      </c>
      <c r="C662" s="27" t="s">
        <v>190</v>
      </c>
      <c r="D662" s="31">
        <v>29480</v>
      </c>
      <c r="E662" s="32" t="s">
        <v>947</v>
      </c>
      <c r="F662" s="32" t="s">
        <v>1258</v>
      </c>
      <c r="G662" s="27">
        <v>6</v>
      </c>
    </row>
    <row r="663" spans="1:46" s="3" customFormat="1" ht="13.5" customHeight="1" x14ac:dyDescent="0.15">
      <c r="A663" s="3">
        <v>662</v>
      </c>
      <c r="B663" s="30" t="s">
        <v>613</v>
      </c>
      <c r="C663" s="27" t="s">
        <v>190</v>
      </c>
      <c r="D663" s="31">
        <v>29900</v>
      </c>
      <c r="E663" s="32" t="s">
        <v>510</v>
      </c>
      <c r="F663" s="32" t="s">
        <v>1411</v>
      </c>
      <c r="G663" s="27">
        <v>6</v>
      </c>
    </row>
    <row r="664" spans="1:46" ht="13.5" customHeight="1" x14ac:dyDescent="0.15">
      <c r="A664" s="3">
        <v>663</v>
      </c>
      <c r="B664" s="30" t="s">
        <v>613</v>
      </c>
      <c r="C664" s="27" t="s">
        <v>190</v>
      </c>
      <c r="D664" s="31">
        <v>29910</v>
      </c>
      <c r="E664" s="32" t="s">
        <v>511</v>
      </c>
      <c r="F664" s="32" t="s">
        <v>1410</v>
      </c>
      <c r="G664" s="27">
        <v>6</v>
      </c>
      <c r="H664" s="3"/>
      <c r="I664" s="3"/>
      <c r="J664" s="3"/>
      <c r="K664" s="3"/>
      <c r="L664" s="3"/>
      <c r="M664" s="3"/>
      <c r="N664" s="3"/>
      <c r="O664" s="3"/>
      <c r="P664" s="3"/>
      <c r="Q664" s="3"/>
      <c r="R664" s="3"/>
      <c r="S664" s="3"/>
      <c r="T664" s="3"/>
      <c r="U664" s="3"/>
      <c r="V664" s="3"/>
      <c r="W664" s="3"/>
      <c r="X664" s="3"/>
      <c r="Y664" s="3"/>
      <c r="Z664" s="3"/>
      <c r="AA664" s="3"/>
      <c r="AB664" s="3"/>
      <c r="AC664" s="3"/>
      <c r="AD664" s="3"/>
      <c r="AE664" s="3"/>
      <c r="AF664" s="3"/>
      <c r="AG664" s="3"/>
      <c r="AH664" s="3"/>
      <c r="AI664" s="3"/>
      <c r="AJ664" s="3"/>
      <c r="AK664" s="3"/>
      <c r="AL664" s="3"/>
      <c r="AM664" s="3"/>
      <c r="AN664" s="3"/>
      <c r="AO664" s="3"/>
      <c r="AP664" s="3"/>
      <c r="AQ664" s="3"/>
      <c r="AR664" s="3"/>
      <c r="AS664" s="3"/>
      <c r="AT664" s="3"/>
    </row>
    <row r="665" spans="1:46" s="3" customFormat="1" ht="13.5" customHeight="1" x14ac:dyDescent="0.15">
      <c r="A665" s="3">
        <v>664</v>
      </c>
      <c r="B665" s="30" t="s">
        <v>613</v>
      </c>
      <c r="C665" s="27" t="s">
        <v>190</v>
      </c>
      <c r="D665" s="28">
        <v>34210</v>
      </c>
      <c r="E665" s="36" t="s">
        <v>1632</v>
      </c>
      <c r="F665" s="32" t="s">
        <v>518</v>
      </c>
      <c r="G665" s="27">
        <v>3</v>
      </c>
    </row>
    <row r="666" spans="1:46" s="3" customFormat="1" ht="13.5" customHeight="1" x14ac:dyDescent="0.15">
      <c r="A666" s="3">
        <v>665</v>
      </c>
      <c r="B666" s="30" t="s">
        <v>613</v>
      </c>
      <c r="C666" s="27" t="s">
        <v>190</v>
      </c>
      <c r="D666" s="31">
        <v>36880</v>
      </c>
      <c r="E666" s="32" t="s">
        <v>1621</v>
      </c>
      <c r="F666" s="32" t="s">
        <v>718</v>
      </c>
      <c r="G666" s="27">
        <v>11</v>
      </c>
    </row>
    <row r="667" spans="1:46" s="3" customFormat="1" ht="13.5" customHeight="1" x14ac:dyDescent="0.15">
      <c r="A667" s="3">
        <v>666</v>
      </c>
      <c r="B667" s="30" t="s">
        <v>613</v>
      </c>
      <c r="C667" s="27" t="s">
        <v>190</v>
      </c>
      <c r="D667" s="31">
        <v>38430</v>
      </c>
      <c r="E667" s="32" t="s">
        <v>3006</v>
      </c>
      <c r="F667" s="32" t="s">
        <v>2454</v>
      </c>
      <c r="G667" s="27">
        <v>6</v>
      </c>
    </row>
    <row r="668" spans="1:46" s="3" customFormat="1" ht="13.5" customHeight="1" x14ac:dyDescent="0.15">
      <c r="A668" s="3">
        <v>667</v>
      </c>
      <c r="B668" s="30" t="s">
        <v>613</v>
      </c>
      <c r="C668" s="27" t="s">
        <v>190</v>
      </c>
      <c r="D668" s="31">
        <v>39190</v>
      </c>
      <c r="E668" s="32" t="s">
        <v>3029</v>
      </c>
      <c r="F668" s="32" t="s">
        <v>1388</v>
      </c>
      <c r="G668" s="27">
        <v>11</v>
      </c>
    </row>
    <row r="669" spans="1:46" s="3" customFormat="1" ht="13.5" customHeight="1" x14ac:dyDescent="0.15">
      <c r="A669" s="3">
        <v>668</v>
      </c>
      <c r="B669" s="26" t="s">
        <v>613</v>
      </c>
      <c r="C669" s="27" t="s">
        <v>341</v>
      </c>
      <c r="D669" s="33">
        <v>39840</v>
      </c>
      <c r="E669" s="29" t="s">
        <v>3048</v>
      </c>
      <c r="F669" s="32" t="s">
        <v>2176</v>
      </c>
      <c r="G669" s="27">
        <v>12</v>
      </c>
    </row>
    <row r="670" spans="1:46" s="3" customFormat="1" ht="13.5" customHeight="1" x14ac:dyDescent="0.15">
      <c r="A670" s="3">
        <v>669</v>
      </c>
      <c r="B670" s="30" t="s">
        <v>613</v>
      </c>
      <c r="C670" s="35" t="s">
        <v>341</v>
      </c>
      <c r="D670" s="28">
        <v>41520</v>
      </c>
      <c r="E670" s="36" t="s">
        <v>1963</v>
      </c>
      <c r="F670" s="29" t="s">
        <v>2242</v>
      </c>
      <c r="G670" s="27">
        <v>12</v>
      </c>
    </row>
    <row r="671" spans="1:46" s="3" customFormat="1" ht="13.5" customHeight="1" x14ac:dyDescent="0.15">
      <c r="A671" s="3">
        <v>670</v>
      </c>
      <c r="B671" s="30" t="s">
        <v>613</v>
      </c>
      <c r="C671" s="35" t="s">
        <v>341</v>
      </c>
      <c r="D671" s="28">
        <v>42190</v>
      </c>
      <c r="E671" s="36" t="s">
        <v>3079</v>
      </c>
      <c r="F671" s="32" t="s">
        <v>2243</v>
      </c>
      <c r="G671" s="27">
        <v>6</v>
      </c>
    </row>
    <row r="672" spans="1:46" s="3" customFormat="1" ht="13.5" customHeight="1" x14ac:dyDescent="0.15">
      <c r="A672" s="3">
        <v>671</v>
      </c>
      <c r="B672" s="30" t="s">
        <v>613</v>
      </c>
      <c r="C672" s="27" t="s">
        <v>2139</v>
      </c>
      <c r="D672" s="34">
        <v>42690</v>
      </c>
      <c r="E672" s="32" t="s">
        <v>3082</v>
      </c>
      <c r="F672" s="32" t="s">
        <v>2140</v>
      </c>
      <c r="G672" s="27">
        <v>12</v>
      </c>
    </row>
    <row r="673" spans="1:46" s="3" customFormat="1" ht="13.5" customHeight="1" x14ac:dyDescent="0.15">
      <c r="A673" s="3">
        <v>672</v>
      </c>
      <c r="B673" s="30" t="s">
        <v>613</v>
      </c>
      <c r="C673" s="27" t="s">
        <v>2139</v>
      </c>
      <c r="D673" s="31">
        <v>143660</v>
      </c>
      <c r="E673" s="32" t="s">
        <v>2445</v>
      </c>
      <c r="F673" s="32" t="s">
        <v>2535</v>
      </c>
      <c r="G673" s="27">
        <v>5</v>
      </c>
    </row>
    <row r="674" spans="1:46" s="3" customFormat="1" ht="13.5" customHeight="1" x14ac:dyDescent="0.15">
      <c r="A674" s="3">
        <v>673</v>
      </c>
      <c r="B674" s="30" t="s">
        <v>613</v>
      </c>
      <c r="C674" s="27" t="s">
        <v>2139</v>
      </c>
      <c r="D674" s="31">
        <v>144090</v>
      </c>
      <c r="E674" s="32" t="s">
        <v>2575</v>
      </c>
      <c r="F674" s="29" t="s">
        <v>2574</v>
      </c>
      <c r="G674" s="27">
        <v>12</v>
      </c>
    </row>
    <row r="675" spans="1:46" s="3" customFormat="1" ht="13.5" customHeight="1" x14ac:dyDescent="0.15">
      <c r="A675" s="3">
        <v>674</v>
      </c>
      <c r="B675" s="30" t="s">
        <v>613</v>
      </c>
      <c r="C675" s="27" t="s">
        <v>2139</v>
      </c>
      <c r="D675" s="31">
        <v>144690</v>
      </c>
      <c r="E675" s="29" t="s">
        <v>2645</v>
      </c>
      <c r="F675" s="29" t="s">
        <v>2668</v>
      </c>
      <c r="G675" s="27">
        <v>7</v>
      </c>
    </row>
    <row r="676" spans="1:46" s="3" customFormat="1" ht="13.5" customHeight="1" x14ac:dyDescent="0.15">
      <c r="A676" s="3">
        <v>675</v>
      </c>
      <c r="B676" s="30" t="s">
        <v>613</v>
      </c>
      <c r="C676" s="27" t="s">
        <v>2139</v>
      </c>
      <c r="D676" s="28">
        <v>144820</v>
      </c>
      <c r="E676" s="29" t="s">
        <v>2657</v>
      </c>
      <c r="F676" s="29" t="s">
        <v>2680</v>
      </c>
      <c r="G676" s="27">
        <v>8</v>
      </c>
    </row>
    <row r="677" spans="1:46" s="3" customFormat="1" ht="13.5" customHeight="1" x14ac:dyDescent="0.15">
      <c r="A677" s="3">
        <v>676</v>
      </c>
      <c r="B677" s="30" t="s">
        <v>613</v>
      </c>
      <c r="C677" s="27" t="s">
        <v>2139</v>
      </c>
      <c r="D677" s="31">
        <v>144890</v>
      </c>
      <c r="E677" s="29" t="s">
        <v>2663</v>
      </c>
      <c r="F677" s="29" t="s">
        <v>2687</v>
      </c>
      <c r="G677" s="27">
        <v>9</v>
      </c>
    </row>
    <row r="678" spans="1:46" s="3" customFormat="1" ht="13.5" customHeight="1" x14ac:dyDescent="0.15">
      <c r="A678" s="3">
        <v>677</v>
      </c>
      <c r="B678" s="30" t="s">
        <v>613</v>
      </c>
      <c r="C678" s="27" t="s">
        <v>2857</v>
      </c>
      <c r="D678" s="31">
        <v>145340</v>
      </c>
      <c r="E678" s="29" t="s">
        <v>2833</v>
      </c>
      <c r="F678" s="40" t="s">
        <v>2805</v>
      </c>
      <c r="G678" s="27">
        <v>2</v>
      </c>
    </row>
    <row r="679" spans="1:46" s="3" customFormat="1" ht="13.5" customHeight="1" x14ac:dyDescent="0.15">
      <c r="A679" s="3">
        <v>678</v>
      </c>
      <c r="B679" s="30" t="s">
        <v>613</v>
      </c>
      <c r="C679" s="27" t="s">
        <v>341</v>
      </c>
      <c r="D679" s="28">
        <v>146670</v>
      </c>
      <c r="E679" s="29" t="s">
        <v>3201</v>
      </c>
      <c r="F679" s="29" t="s">
        <v>3202</v>
      </c>
      <c r="G679" s="27">
        <v>6</v>
      </c>
      <c r="H679" s="2"/>
      <c r="I679" s="2"/>
      <c r="J679" s="2"/>
      <c r="K679" s="2"/>
      <c r="L679" s="2"/>
      <c r="M679" s="2"/>
      <c r="N679" s="2"/>
      <c r="O679" s="2"/>
      <c r="P679" s="2"/>
      <c r="Q679" s="2"/>
      <c r="R679" s="2"/>
      <c r="S679" s="2"/>
      <c r="T679" s="2"/>
      <c r="U679" s="2"/>
      <c r="V679" s="2"/>
      <c r="W679" s="2"/>
      <c r="X679" s="2"/>
      <c r="Y679" s="2"/>
      <c r="Z679" s="2"/>
      <c r="AA679" s="2"/>
      <c r="AB679" s="2"/>
      <c r="AC679" s="2"/>
      <c r="AD679" s="2"/>
      <c r="AE679" s="2"/>
      <c r="AF679" s="2"/>
      <c r="AG679" s="2"/>
      <c r="AH679" s="2"/>
      <c r="AI679" s="2"/>
      <c r="AJ679" s="2"/>
      <c r="AK679" s="2"/>
      <c r="AL679" s="2"/>
      <c r="AM679" s="2"/>
      <c r="AN679" s="2"/>
      <c r="AO679" s="2"/>
      <c r="AP679" s="2"/>
      <c r="AQ679" s="2"/>
      <c r="AR679" s="2"/>
      <c r="AS679" s="2"/>
      <c r="AT679" s="2"/>
    </row>
    <row r="680" spans="1:46" s="3" customFormat="1" ht="13.5" customHeight="1" x14ac:dyDescent="0.15">
      <c r="A680" s="3">
        <v>679</v>
      </c>
      <c r="B680" s="30" t="s">
        <v>613</v>
      </c>
      <c r="C680" s="27" t="s">
        <v>3416</v>
      </c>
      <c r="D680" s="28">
        <v>147160</v>
      </c>
      <c r="E680" s="29" t="s">
        <v>3377</v>
      </c>
      <c r="F680" s="29" t="s">
        <v>3398</v>
      </c>
      <c r="G680" s="27">
        <v>7</v>
      </c>
      <c r="H680" s="2"/>
      <c r="I680" s="2"/>
      <c r="J680" s="2"/>
      <c r="K680" s="2"/>
      <c r="L680" s="2"/>
      <c r="M680" s="2"/>
      <c r="N680" s="2"/>
      <c r="O680" s="2"/>
      <c r="P680" s="2"/>
      <c r="Q680" s="2"/>
      <c r="R680" s="2"/>
      <c r="S680" s="2"/>
      <c r="T680" s="2"/>
      <c r="U680" s="2"/>
      <c r="V680" s="2"/>
      <c r="W680" s="2"/>
      <c r="X680" s="2"/>
      <c r="Y680" s="2"/>
      <c r="Z680" s="2"/>
      <c r="AA680" s="2"/>
      <c r="AB680" s="2"/>
      <c r="AC680" s="2"/>
      <c r="AD680" s="2"/>
      <c r="AE680" s="2"/>
      <c r="AF680" s="2"/>
      <c r="AG680" s="2"/>
      <c r="AH680" s="2"/>
      <c r="AI680" s="2"/>
      <c r="AJ680" s="2"/>
      <c r="AK680" s="2"/>
      <c r="AL680" s="2"/>
      <c r="AM680" s="2"/>
      <c r="AN680" s="2"/>
      <c r="AO680" s="2"/>
      <c r="AP680" s="2"/>
      <c r="AQ680" s="2"/>
      <c r="AR680" s="2"/>
      <c r="AS680" s="2"/>
      <c r="AT680" s="2"/>
    </row>
    <row r="681" spans="1:46" ht="13.5" customHeight="1" x14ac:dyDescent="0.15">
      <c r="A681" s="3">
        <v>680</v>
      </c>
      <c r="B681" s="30" t="s">
        <v>613</v>
      </c>
      <c r="C681" s="27" t="s">
        <v>3565</v>
      </c>
      <c r="D681" s="28">
        <v>147660</v>
      </c>
      <c r="E681" s="42" t="s">
        <v>3519</v>
      </c>
      <c r="F681" s="29" t="s">
        <v>3538</v>
      </c>
      <c r="G681" s="27">
        <v>7</v>
      </c>
    </row>
    <row r="682" spans="1:46" s="3" customFormat="1" ht="13.5" customHeight="1" x14ac:dyDescent="0.15">
      <c r="A682" s="3">
        <v>681</v>
      </c>
      <c r="B682" s="26" t="s">
        <v>1895</v>
      </c>
      <c r="C682" s="27" t="s">
        <v>1988</v>
      </c>
      <c r="D682" s="28">
        <v>291</v>
      </c>
      <c r="E682" s="29" t="s">
        <v>2792</v>
      </c>
      <c r="F682" s="29" t="s">
        <v>1479</v>
      </c>
      <c r="G682" s="27">
        <v>4</v>
      </c>
      <c r="H682" s="2"/>
      <c r="I682" s="2"/>
      <c r="J682" s="2"/>
      <c r="K682" s="2"/>
      <c r="L682" s="2"/>
      <c r="M682" s="2"/>
      <c r="N682" s="2"/>
      <c r="O682" s="2"/>
      <c r="P682" s="2"/>
      <c r="Q682" s="2"/>
      <c r="R682" s="2"/>
      <c r="S682" s="2"/>
      <c r="T682" s="2"/>
      <c r="U682" s="2"/>
      <c r="V682" s="2"/>
      <c r="W682" s="2"/>
      <c r="X682" s="2"/>
      <c r="Y682" s="2"/>
      <c r="Z682" s="2"/>
      <c r="AA682" s="2"/>
      <c r="AB682" s="2"/>
      <c r="AC682" s="2"/>
      <c r="AD682" s="2"/>
      <c r="AE682" s="2"/>
      <c r="AF682" s="2"/>
      <c r="AG682" s="2"/>
      <c r="AH682" s="2"/>
      <c r="AI682" s="2"/>
      <c r="AJ682" s="2"/>
      <c r="AK682" s="2"/>
      <c r="AL682" s="2"/>
      <c r="AM682" s="2"/>
      <c r="AN682" s="2"/>
      <c r="AO682" s="2"/>
      <c r="AP682" s="2"/>
      <c r="AQ682" s="2"/>
      <c r="AR682" s="2"/>
      <c r="AS682" s="2"/>
      <c r="AT682" s="2"/>
    </row>
    <row r="683" spans="1:46" s="3" customFormat="1" ht="13.5" customHeight="1" x14ac:dyDescent="0.15">
      <c r="A683" s="3">
        <v>682</v>
      </c>
      <c r="B683" s="26" t="s">
        <v>1895</v>
      </c>
      <c r="C683" s="27" t="s">
        <v>1988</v>
      </c>
      <c r="D683" s="28">
        <v>301</v>
      </c>
      <c r="E683" s="29" t="s">
        <v>2791</v>
      </c>
      <c r="F683" s="29" t="s">
        <v>1482</v>
      </c>
      <c r="G683" s="27">
        <v>6</v>
      </c>
      <c r="H683" s="2"/>
      <c r="I683" s="2"/>
      <c r="J683" s="2"/>
      <c r="K683" s="2"/>
      <c r="L683" s="2"/>
      <c r="M683" s="2"/>
      <c r="N683" s="2"/>
      <c r="O683" s="2"/>
      <c r="P683" s="2"/>
      <c r="Q683" s="2"/>
      <c r="R683" s="2"/>
      <c r="S683" s="2"/>
      <c r="T683" s="2"/>
      <c r="U683" s="2"/>
      <c r="V683" s="2"/>
      <c r="W683" s="2"/>
      <c r="X683" s="2"/>
      <c r="Y683" s="2"/>
      <c r="Z683" s="2"/>
      <c r="AA683" s="2"/>
      <c r="AB683" s="2"/>
      <c r="AC683" s="2"/>
      <c r="AD683" s="2"/>
      <c r="AE683" s="2"/>
      <c r="AF683" s="2"/>
      <c r="AG683" s="2"/>
      <c r="AH683" s="2"/>
      <c r="AI683" s="2"/>
      <c r="AJ683" s="2"/>
      <c r="AK683" s="2"/>
      <c r="AL683" s="2"/>
      <c r="AM683" s="2"/>
      <c r="AN683" s="2"/>
      <c r="AO683" s="2"/>
      <c r="AP683" s="2"/>
      <c r="AQ683" s="2"/>
      <c r="AR683" s="2"/>
      <c r="AS683" s="2"/>
      <c r="AT683" s="2"/>
    </row>
    <row r="684" spans="1:46" s="4" customFormat="1" ht="13.5" customHeight="1" x14ac:dyDescent="0.15">
      <c r="A684" s="3">
        <v>683</v>
      </c>
      <c r="B684" s="26" t="s">
        <v>1051</v>
      </c>
      <c r="C684" s="27" t="s">
        <v>1988</v>
      </c>
      <c r="D684" s="28">
        <v>311</v>
      </c>
      <c r="E684" s="29" t="s">
        <v>1659</v>
      </c>
      <c r="F684" s="29" t="s">
        <v>1481</v>
      </c>
      <c r="G684" s="27">
        <v>3</v>
      </c>
      <c r="H684" s="2"/>
      <c r="I684" s="2"/>
      <c r="J684" s="2"/>
      <c r="K684" s="2"/>
      <c r="L684" s="2"/>
      <c r="M684" s="2"/>
      <c r="N684" s="2"/>
      <c r="O684" s="2"/>
      <c r="P684" s="2"/>
      <c r="Q684" s="2"/>
      <c r="R684" s="2"/>
      <c r="S684" s="2"/>
      <c r="T684" s="2"/>
      <c r="U684" s="2"/>
      <c r="V684" s="2"/>
      <c r="W684" s="2"/>
      <c r="X684" s="2"/>
      <c r="Y684" s="2"/>
      <c r="Z684" s="2"/>
      <c r="AA684" s="2"/>
      <c r="AB684" s="2"/>
      <c r="AC684" s="2"/>
      <c r="AD684" s="2"/>
      <c r="AE684" s="2"/>
      <c r="AF684" s="2"/>
      <c r="AG684" s="2"/>
      <c r="AH684" s="2"/>
      <c r="AI684" s="2"/>
      <c r="AJ684" s="2"/>
      <c r="AK684" s="2"/>
      <c r="AL684" s="2"/>
      <c r="AM684" s="2"/>
      <c r="AN684" s="2"/>
      <c r="AO684" s="2"/>
      <c r="AP684" s="2"/>
      <c r="AQ684" s="2"/>
      <c r="AR684" s="2"/>
      <c r="AS684" s="2"/>
      <c r="AT684" s="2"/>
    </row>
    <row r="685" spans="1:46" s="3" customFormat="1" ht="13.5" customHeight="1" x14ac:dyDescent="0.15">
      <c r="A685" s="3">
        <v>684</v>
      </c>
      <c r="B685" s="26" t="s">
        <v>1051</v>
      </c>
      <c r="C685" s="27" t="s">
        <v>1988</v>
      </c>
      <c r="D685" s="28">
        <v>321</v>
      </c>
      <c r="E685" s="29" t="s">
        <v>1569</v>
      </c>
      <c r="F685" s="29" t="s">
        <v>1480</v>
      </c>
      <c r="G685" s="27">
        <v>3</v>
      </c>
      <c r="H685" s="2"/>
      <c r="I685" s="2"/>
      <c r="J685" s="2"/>
      <c r="K685" s="2"/>
      <c r="L685" s="2"/>
      <c r="M685" s="2"/>
      <c r="N685" s="2"/>
      <c r="O685" s="2"/>
      <c r="P685" s="2"/>
      <c r="Q685" s="2"/>
      <c r="R685" s="2"/>
      <c r="S685" s="2"/>
      <c r="T685" s="2"/>
      <c r="U685" s="2"/>
      <c r="V685" s="2"/>
      <c r="W685" s="2"/>
      <c r="X685" s="2"/>
      <c r="Y685" s="2"/>
      <c r="Z685" s="2"/>
      <c r="AA685" s="2"/>
      <c r="AB685" s="2"/>
      <c r="AC685" s="2"/>
      <c r="AD685" s="2"/>
      <c r="AE685" s="2"/>
      <c r="AF685" s="2"/>
      <c r="AG685" s="2"/>
      <c r="AH685" s="2"/>
      <c r="AI685" s="2"/>
      <c r="AJ685" s="2"/>
      <c r="AK685" s="2"/>
      <c r="AL685" s="2"/>
      <c r="AM685" s="2"/>
      <c r="AN685" s="2"/>
      <c r="AO685" s="2"/>
      <c r="AP685" s="2"/>
      <c r="AQ685" s="2"/>
      <c r="AR685" s="2"/>
      <c r="AS685" s="2"/>
      <c r="AT685" s="2"/>
    </row>
    <row r="686" spans="1:46" s="3" customFormat="1" ht="13.5" customHeight="1" x14ac:dyDescent="0.15">
      <c r="A686" s="3">
        <v>685</v>
      </c>
      <c r="B686" s="30" t="s">
        <v>613</v>
      </c>
      <c r="C686" s="27" t="s">
        <v>1988</v>
      </c>
      <c r="D686" s="31">
        <v>3180</v>
      </c>
      <c r="E686" s="32" t="s">
        <v>2117</v>
      </c>
      <c r="F686" s="32" t="s">
        <v>2122</v>
      </c>
      <c r="G686" s="27">
        <v>7</v>
      </c>
    </row>
    <row r="687" spans="1:46" s="3" customFormat="1" ht="13.5" customHeight="1" x14ac:dyDescent="0.15">
      <c r="A687" s="3">
        <v>686</v>
      </c>
      <c r="B687" s="30" t="s">
        <v>613</v>
      </c>
      <c r="C687" s="27" t="s">
        <v>1988</v>
      </c>
      <c r="D687" s="31">
        <v>3720</v>
      </c>
      <c r="E687" s="32" t="s">
        <v>2536</v>
      </c>
      <c r="F687" s="32" t="s">
        <v>1286</v>
      </c>
      <c r="G687" s="27">
        <v>4</v>
      </c>
    </row>
    <row r="688" spans="1:46" s="3" customFormat="1" ht="13.5" customHeight="1" x14ac:dyDescent="0.15">
      <c r="A688" s="3">
        <v>687</v>
      </c>
      <c r="B688" s="30" t="s">
        <v>613</v>
      </c>
      <c r="C688" s="27" t="s">
        <v>1988</v>
      </c>
      <c r="D688" s="31">
        <v>3880</v>
      </c>
      <c r="E688" s="32" t="s">
        <v>55</v>
      </c>
      <c r="F688" s="32" t="s">
        <v>664</v>
      </c>
      <c r="G688" s="27">
        <v>11</v>
      </c>
    </row>
    <row r="689" spans="1:7" s="3" customFormat="1" ht="13.5" customHeight="1" x14ac:dyDescent="0.15">
      <c r="A689" s="3">
        <v>688</v>
      </c>
      <c r="B689" s="30" t="s">
        <v>613</v>
      </c>
      <c r="C689" s="27" t="s">
        <v>1988</v>
      </c>
      <c r="D689" s="31">
        <v>6020</v>
      </c>
      <c r="E689" s="32" t="s">
        <v>698</v>
      </c>
      <c r="F689" s="32" t="s">
        <v>663</v>
      </c>
      <c r="G689" s="27">
        <v>12</v>
      </c>
    </row>
    <row r="690" spans="1:7" s="3" customFormat="1" ht="13.5" customHeight="1" x14ac:dyDescent="0.15">
      <c r="A690" s="3">
        <v>689</v>
      </c>
      <c r="B690" s="30" t="s">
        <v>613</v>
      </c>
      <c r="C690" s="27" t="s">
        <v>1988</v>
      </c>
      <c r="D690" s="31">
        <v>11160</v>
      </c>
      <c r="E690" s="32" t="s">
        <v>1489</v>
      </c>
      <c r="F690" s="32" t="s">
        <v>1413</v>
      </c>
      <c r="G690" s="27">
        <v>7</v>
      </c>
    </row>
    <row r="691" spans="1:7" s="3" customFormat="1" ht="13.5" customHeight="1" x14ac:dyDescent="0.15">
      <c r="A691" s="3">
        <v>690</v>
      </c>
      <c r="B691" s="30" t="s">
        <v>613</v>
      </c>
      <c r="C691" s="27" t="s">
        <v>1988</v>
      </c>
      <c r="D691" s="31">
        <v>12080</v>
      </c>
      <c r="E691" s="32" t="s">
        <v>1317</v>
      </c>
      <c r="F691" s="32" t="s">
        <v>1285</v>
      </c>
      <c r="G691" s="27">
        <v>6</v>
      </c>
    </row>
    <row r="692" spans="1:7" s="3" customFormat="1" ht="13.5" customHeight="1" x14ac:dyDescent="0.15">
      <c r="A692" s="3">
        <v>691</v>
      </c>
      <c r="B692" s="30" t="s">
        <v>613</v>
      </c>
      <c r="C692" s="27" t="s">
        <v>1988</v>
      </c>
      <c r="D692" s="31">
        <v>15460</v>
      </c>
      <c r="E692" s="32" t="s">
        <v>1014</v>
      </c>
      <c r="F692" s="32" t="s">
        <v>1390</v>
      </c>
      <c r="G692" s="27">
        <v>7</v>
      </c>
    </row>
    <row r="693" spans="1:7" s="3" customFormat="1" ht="13.5" customHeight="1" x14ac:dyDescent="0.15">
      <c r="A693" s="3">
        <v>692</v>
      </c>
      <c r="B693" s="30" t="s">
        <v>613</v>
      </c>
      <c r="C693" s="27" t="s">
        <v>1988</v>
      </c>
      <c r="D693" s="31">
        <v>17210</v>
      </c>
      <c r="E693" s="32" t="s">
        <v>1405</v>
      </c>
      <c r="F693" s="32" t="s">
        <v>848</v>
      </c>
      <c r="G693" s="27">
        <v>12</v>
      </c>
    </row>
    <row r="694" spans="1:7" s="3" customFormat="1" ht="13.5" customHeight="1" x14ac:dyDescent="0.15">
      <c r="A694" s="3">
        <v>693</v>
      </c>
      <c r="B694" s="30" t="s">
        <v>613</v>
      </c>
      <c r="C694" s="27" t="s">
        <v>1988</v>
      </c>
      <c r="D694" s="31">
        <v>19550</v>
      </c>
      <c r="E694" s="32" t="s">
        <v>1728</v>
      </c>
      <c r="F694" s="32" t="s">
        <v>1284</v>
      </c>
      <c r="G694" s="27">
        <v>12</v>
      </c>
    </row>
    <row r="695" spans="1:7" s="3" customFormat="1" ht="13.5" customHeight="1" x14ac:dyDescent="0.15">
      <c r="A695" s="3">
        <v>694</v>
      </c>
      <c r="B695" s="30" t="s">
        <v>613</v>
      </c>
      <c r="C695" s="27" t="s">
        <v>1988</v>
      </c>
      <c r="D695" s="31">
        <v>22090</v>
      </c>
      <c r="E695" s="32" t="s">
        <v>2457</v>
      </c>
      <c r="F695" s="32" t="s">
        <v>2486</v>
      </c>
      <c r="G695" s="27">
        <v>8</v>
      </c>
    </row>
    <row r="696" spans="1:7" s="3" customFormat="1" ht="13.5" customHeight="1" x14ac:dyDescent="0.15">
      <c r="A696" s="3">
        <v>695</v>
      </c>
      <c r="B696" s="30" t="s">
        <v>613</v>
      </c>
      <c r="C696" s="27" t="s">
        <v>1988</v>
      </c>
      <c r="D696" s="31">
        <v>24570</v>
      </c>
      <c r="E696" s="32" t="s">
        <v>658</v>
      </c>
      <c r="F696" s="32" t="s">
        <v>668</v>
      </c>
      <c r="G696" s="27">
        <v>12</v>
      </c>
    </row>
    <row r="697" spans="1:7" s="3" customFormat="1" ht="13.5" customHeight="1" x14ac:dyDescent="0.15">
      <c r="A697" s="3">
        <v>696</v>
      </c>
      <c r="B697" s="30" t="s">
        <v>613</v>
      </c>
      <c r="C697" s="27" t="s">
        <v>1988</v>
      </c>
      <c r="D697" s="31">
        <v>24580</v>
      </c>
      <c r="E697" s="32" t="s">
        <v>659</v>
      </c>
      <c r="F697" s="32" t="s">
        <v>665</v>
      </c>
      <c r="G697" s="27">
        <v>3</v>
      </c>
    </row>
    <row r="698" spans="1:7" s="3" customFormat="1" ht="13.5" customHeight="1" x14ac:dyDescent="0.15">
      <c r="A698" s="3">
        <v>697</v>
      </c>
      <c r="B698" s="30" t="s">
        <v>613</v>
      </c>
      <c r="C698" s="27" t="s">
        <v>1988</v>
      </c>
      <c r="D698" s="31">
        <v>25740</v>
      </c>
      <c r="E698" s="32" t="s">
        <v>1457</v>
      </c>
      <c r="F698" s="32" t="s">
        <v>666</v>
      </c>
      <c r="G698" s="27">
        <v>6</v>
      </c>
    </row>
    <row r="699" spans="1:7" s="3" customFormat="1" ht="13.5" customHeight="1" x14ac:dyDescent="0.15">
      <c r="A699" s="3">
        <v>698</v>
      </c>
      <c r="B699" s="30" t="s">
        <v>613</v>
      </c>
      <c r="C699" s="27" t="s">
        <v>1988</v>
      </c>
      <c r="D699" s="31">
        <v>26160</v>
      </c>
      <c r="E699" s="32" t="s">
        <v>175</v>
      </c>
      <c r="F699" s="32" t="s">
        <v>667</v>
      </c>
      <c r="G699" s="27">
        <v>12</v>
      </c>
    </row>
    <row r="700" spans="1:7" s="3" customFormat="1" ht="13.5" customHeight="1" x14ac:dyDescent="0.15">
      <c r="A700" s="3">
        <v>699</v>
      </c>
      <c r="B700" s="30" t="s">
        <v>613</v>
      </c>
      <c r="C700" s="27" t="s">
        <v>1988</v>
      </c>
      <c r="D700" s="31">
        <v>28020</v>
      </c>
      <c r="E700" s="32" t="s">
        <v>779</v>
      </c>
      <c r="F700" s="32" t="s">
        <v>198</v>
      </c>
      <c r="G700" s="27">
        <v>6</v>
      </c>
    </row>
    <row r="701" spans="1:7" s="3" customFormat="1" ht="13.5" customHeight="1" x14ac:dyDescent="0.15">
      <c r="A701" s="3">
        <v>700</v>
      </c>
      <c r="B701" s="30" t="s">
        <v>613</v>
      </c>
      <c r="C701" s="27" t="s">
        <v>1988</v>
      </c>
      <c r="D701" s="31">
        <v>30700</v>
      </c>
      <c r="E701" s="32" t="s">
        <v>1104</v>
      </c>
      <c r="F701" s="32" t="s">
        <v>272</v>
      </c>
      <c r="G701" s="27">
        <v>4</v>
      </c>
    </row>
    <row r="702" spans="1:7" s="3" customFormat="1" ht="13.5" customHeight="1" x14ac:dyDescent="0.15">
      <c r="A702" s="3">
        <v>701</v>
      </c>
      <c r="B702" s="30" t="s">
        <v>613</v>
      </c>
      <c r="C702" s="27" t="s">
        <v>1988</v>
      </c>
      <c r="D702" s="31">
        <v>33320</v>
      </c>
      <c r="E702" s="32" t="s">
        <v>3000</v>
      </c>
      <c r="F702" s="32" t="s">
        <v>889</v>
      </c>
      <c r="G702" s="27">
        <v>6</v>
      </c>
    </row>
    <row r="703" spans="1:7" s="3" customFormat="1" ht="13.5" customHeight="1" x14ac:dyDescent="0.15">
      <c r="A703" s="3">
        <v>702</v>
      </c>
      <c r="B703" s="30" t="s">
        <v>613</v>
      </c>
      <c r="C703" s="27" t="s">
        <v>1988</v>
      </c>
      <c r="D703" s="31">
        <v>34040</v>
      </c>
      <c r="E703" s="32" t="s">
        <v>1149</v>
      </c>
      <c r="F703" s="32" t="s">
        <v>1283</v>
      </c>
      <c r="G703" s="27">
        <v>12</v>
      </c>
    </row>
    <row r="704" spans="1:7" s="3" customFormat="1" ht="13.5" customHeight="1" x14ac:dyDescent="0.15">
      <c r="A704" s="3">
        <v>703</v>
      </c>
      <c r="B704" s="30" t="s">
        <v>613</v>
      </c>
      <c r="C704" s="27" t="s">
        <v>1988</v>
      </c>
      <c r="D704" s="31">
        <v>39560</v>
      </c>
      <c r="E704" s="32" t="s">
        <v>3045</v>
      </c>
      <c r="F704" s="32" t="s">
        <v>2629</v>
      </c>
      <c r="G704" s="27">
        <v>12</v>
      </c>
    </row>
    <row r="705" spans="1:46" s="3" customFormat="1" ht="13.5" customHeight="1" x14ac:dyDescent="0.15">
      <c r="A705" s="3">
        <v>704</v>
      </c>
      <c r="B705" s="30" t="s">
        <v>613</v>
      </c>
      <c r="C705" s="27" t="s">
        <v>800</v>
      </c>
      <c r="D705" s="28">
        <v>41600</v>
      </c>
      <c r="E705" s="32" t="s">
        <v>801</v>
      </c>
      <c r="F705" s="32" t="s">
        <v>273</v>
      </c>
      <c r="G705" s="27">
        <v>4</v>
      </c>
    </row>
    <row r="706" spans="1:46" s="3" customFormat="1" ht="13.5" customHeight="1" x14ac:dyDescent="0.15">
      <c r="A706" s="3">
        <v>705</v>
      </c>
      <c r="B706" s="30" t="s">
        <v>613</v>
      </c>
      <c r="C706" s="27" t="s">
        <v>1988</v>
      </c>
      <c r="D706" s="31">
        <v>41920</v>
      </c>
      <c r="E706" s="32" t="s">
        <v>837</v>
      </c>
      <c r="F706" s="32" t="s">
        <v>1646</v>
      </c>
      <c r="G706" s="27">
        <v>5</v>
      </c>
    </row>
    <row r="707" spans="1:46" s="3" customFormat="1" ht="13.5" customHeight="1" x14ac:dyDescent="0.15">
      <c r="A707" s="3">
        <v>706</v>
      </c>
      <c r="B707" s="30" t="s">
        <v>613</v>
      </c>
      <c r="C707" s="27" t="s">
        <v>2537</v>
      </c>
      <c r="D707" s="31">
        <v>143470</v>
      </c>
      <c r="E707" s="32" t="s">
        <v>2538</v>
      </c>
      <c r="F707" s="32" t="s">
        <v>2539</v>
      </c>
      <c r="G707" s="27">
        <v>11</v>
      </c>
    </row>
    <row r="708" spans="1:46" s="3" customFormat="1" ht="13.5" customHeight="1" x14ac:dyDescent="0.15">
      <c r="A708" s="3">
        <v>707</v>
      </c>
      <c r="B708" s="30" t="s">
        <v>613</v>
      </c>
      <c r="C708" s="27" t="s">
        <v>2513</v>
      </c>
      <c r="D708" s="31">
        <v>143770</v>
      </c>
      <c r="E708" s="32" t="s">
        <v>2487</v>
      </c>
      <c r="F708" s="32" t="s">
        <v>2488</v>
      </c>
      <c r="G708" s="27">
        <v>9</v>
      </c>
    </row>
    <row r="709" spans="1:46" s="3" customFormat="1" ht="13.5" customHeight="1" x14ac:dyDescent="0.15">
      <c r="A709" s="3">
        <v>708</v>
      </c>
      <c r="B709" s="30" t="s">
        <v>613</v>
      </c>
      <c r="C709" s="27" t="s">
        <v>2513</v>
      </c>
      <c r="D709" s="34">
        <v>144100</v>
      </c>
      <c r="E709" s="32" t="s">
        <v>2587</v>
      </c>
      <c r="F709" s="32" t="s">
        <v>2588</v>
      </c>
      <c r="G709" s="27">
        <v>12</v>
      </c>
    </row>
    <row r="710" spans="1:46" s="3" customFormat="1" ht="13.5" customHeight="1" x14ac:dyDescent="0.15">
      <c r="A710" s="3">
        <v>709</v>
      </c>
      <c r="B710" s="30" t="s">
        <v>613</v>
      </c>
      <c r="C710" s="27" t="s">
        <v>2513</v>
      </c>
      <c r="D710" s="31">
        <v>144750</v>
      </c>
      <c r="E710" s="29" t="s">
        <v>2651</v>
      </c>
      <c r="F710" s="29" t="s">
        <v>2674</v>
      </c>
      <c r="G710" s="27">
        <v>8</v>
      </c>
    </row>
    <row r="711" spans="1:46" s="3" customFormat="1" ht="13.5" customHeight="1" x14ac:dyDescent="0.15">
      <c r="A711" s="3">
        <v>710</v>
      </c>
      <c r="B711" s="30" t="s">
        <v>613</v>
      </c>
      <c r="C711" s="27" t="s">
        <v>2854</v>
      </c>
      <c r="D711" s="31">
        <v>145250</v>
      </c>
      <c r="E711" s="29" t="s">
        <v>2826</v>
      </c>
      <c r="F711" s="40" t="s">
        <v>2853</v>
      </c>
      <c r="G711" s="27">
        <v>2</v>
      </c>
    </row>
    <row r="712" spans="1:46" s="3" customFormat="1" ht="13.5" customHeight="1" x14ac:dyDescent="0.15">
      <c r="A712" s="3">
        <v>711</v>
      </c>
      <c r="B712" s="30" t="s">
        <v>613</v>
      </c>
      <c r="C712" s="27" t="s">
        <v>2962</v>
      </c>
      <c r="D712" s="28">
        <v>145830</v>
      </c>
      <c r="E712" s="40" t="s">
        <v>3112</v>
      </c>
      <c r="F712" s="40" t="s">
        <v>2939</v>
      </c>
      <c r="G712" s="27">
        <v>11</v>
      </c>
      <c r="H712" s="2"/>
      <c r="I712" s="2"/>
      <c r="J712" s="2"/>
      <c r="K712" s="2"/>
      <c r="L712" s="2"/>
      <c r="M712" s="2"/>
      <c r="N712" s="2"/>
      <c r="O712" s="2"/>
      <c r="P712" s="2"/>
      <c r="Q712" s="2"/>
      <c r="R712" s="2"/>
      <c r="S712" s="2"/>
      <c r="T712" s="2"/>
      <c r="U712" s="2"/>
      <c r="V712" s="2"/>
      <c r="W712" s="2"/>
      <c r="X712" s="2"/>
      <c r="Y712" s="2"/>
      <c r="Z712" s="2"/>
      <c r="AA712" s="2"/>
      <c r="AB712" s="2"/>
      <c r="AC712" s="2"/>
      <c r="AD712" s="2"/>
      <c r="AE712" s="2"/>
      <c r="AF712" s="2"/>
      <c r="AG712" s="2"/>
      <c r="AH712" s="2"/>
      <c r="AI712" s="2"/>
      <c r="AJ712" s="2"/>
      <c r="AK712" s="2"/>
      <c r="AL712" s="2"/>
      <c r="AM712" s="2"/>
      <c r="AN712" s="2"/>
      <c r="AO712" s="2"/>
      <c r="AP712" s="2"/>
      <c r="AQ712" s="2"/>
      <c r="AR712" s="2"/>
      <c r="AS712" s="2"/>
      <c r="AT712" s="2"/>
    </row>
    <row r="713" spans="1:46" s="3" customFormat="1" ht="13.5" customHeight="1" x14ac:dyDescent="0.15">
      <c r="A713" s="3">
        <v>712</v>
      </c>
      <c r="B713" s="30" t="s">
        <v>613</v>
      </c>
      <c r="C713" s="27" t="s">
        <v>1988</v>
      </c>
      <c r="D713" s="28">
        <v>146070</v>
      </c>
      <c r="E713" s="41" t="s">
        <v>2985</v>
      </c>
      <c r="F713" s="52" t="s">
        <v>2960</v>
      </c>
      <c r="G713" s="27">
        <v>8</v>
      </c>
      <c r="H713" s="5"/>
      <c r="I713" s="5"/>
      <c r="J713" s="5"/>
      <c r="K713" s="5"/>
      <c r="L713" s="5"/>
      <c r="M713" s="5"/>
      <c r="N713" s="5"/>
      <c r="O713" s="5"/>
      <c r="P713" s="5"/>
      <c r="Q713" s="5"/>
      <c r="R713" s="5"/>
      <c r="S713" s="5"/>
      <c r="T713" s="5"/>
      <c r="U713" s="5"/>
      <c r="V713" s="5"/>
      <c r="W713" s="5"/>
      <c r="X713" s="5"/>
      <c r="Y713" s="5"/>
      <c r="Z713" s="5"/>
      <c r="AA713" s="5"/>
      <c r="AB713" s="5"/>
      <c r="AC713" s="5"/>
      <c r="AD713" s="5"/>
      <c r="AE713" s="5"/>
      <c r="AF713" s="5"/>
      <c r="AG713" s="5"/>
      <c r="AH713" s="5"/>
      <c r="AI713" s="5"/>
      <c r="AJ713" s="5"/>
      <c r="AK713" s="5"/>
      <c r="AL713" s="5"/>
      <c r="AM713" s="5"/>
      <c r="AN713" s="5"/>
      <c r="AO713" s="5"/>
      <c r="AP713" s="5"/>
      <c r="AQ713" s="5"/>
      <c r="AR713" s="5"/>
      <c r="AS713" s="5"/>
      <c r="AT713" s="5"/>
    </row>
    <row r="714" spans="1:46" s="3" customFormat="1" ht="13.5" customHeight="1" x14ac:dyDescent="0.15">
      <c r="A714" s="3">
        <v>713</v>
      </c>
      <c r="B714" s="30" t="s">
        <v>613</v>
      </c>
      <c r="C714" s="39" t="s">
        <v>2513</v>
      </c>
      <c r="D714" s="33">
        <v>146400</v>
      </c>
      <c r="E714" s="40" t="s">
        <v>3138</v>
      </c>
      <c r="F714" s="29" t="s">
        <v>3164</v>
      </c>
      <c r="G714" s="27">
        <v>7</v>
      </c>
    </row>
    <row r="715" spans="1:46" s="3" customFormat="1" ht="13.5" customHeight="1" x14ac:dyDescent="0.15">
      <c r="A715" s="3">
        <v>714</v>
      </c>
      <c r="B715" s="30" t="s">
        <v>613</v>
      </c>
      <c r="C715" s="39" t="s">
        <v>2513</v>
      </c>
      <c r="D715" s="33">
        <v>146410</v>
      </c>
      <c r="E715" s="40" t="s">
        <v>3598</v>
      </c>
      <c r="F715" s="29" t="s">
        <v>3165</v>
      </c>
      <c r="G715" s="27">
        <v>11</v>
      </c>
    </row>
    <row r="716" spans="1:46" s="3" customFormat="1" ht="13.5" customHeight="1" x14ac:dyDescent="0.15">
      <c r="A716" s="3">
        <v>715</v>
      </c>
      <c r="B716" s="30" t="s">
        <v>613</v>
      </c>
      <c r="C716" s="27" t="s">
        <v>2513</v>
      </c>
      <c r="D716" s="28">
        <v>147740</v>
      </c>
      <c r="E716" s="42" t="s">
        <v>3527</v>
      </c>
      <c r="F716" s="29" t="s">
        <v>3555</v>
      </c>
      <c r="G716" s="27">
        <v>3</v>
      </c>
      <c r="H716" s="2"/>
      <c r="I716" s="2"/>
      <c r="J716" s="2"/>
      <c r="K716" s="2"/>
      <c r="L716" s="2"/>
      <c r="M716" s="2"/>
      <c r="N716" s="2"/>
      <c r="O716" s="2"/>
      <c r="P716" s="2"/>
      <c r="Q716" s="2"/>
      <c r="R716" s="2"/>
      <c r="S716" s="2"/>
      <c r="T716" s="2"/>
      <c r="U716" s="2"/>
      <c r="V716" s="2"/>
      <c r="W716" s="2"/>
      <c r="X716" s="2"/>
      <c r="Y716" s="2"/>
      <c r="Z716" s="2"/>
      <c r="AA716" s="2"/>
      <c r="AB716" s="2"/>
      <c r="AC716" s="2"/>
      <c r="AD716" s="2"/>
      <c r="AE716" s="2"/>
      <c r="AF716" s="2"/>
      <c r="AG716" s="2"/>
      <c r="AH716" s="2"/>
      <c r="AI716" s="2"/>
      <c r="AJ716" s="2"/>
      <c r="AK716" s="2"/>
      <c r="AL716" s="2"/>
      <c r="AM716" s="2"/>
      <c r="AN716" s="2"/>
      <c r="AO716" s="2"/>
      <c r="AP716" s="2"/>
      <c r="AQ716" s="2"/>
      <c r="AR716" s="2"/>
      <c r="AS716" s="2"/>
      <c r="AT716" s="2"/>
    </row>
    <row r="717" spans="1:46" s="3" customFormat="1" ht="13.5" customHeight="1" x14ac:dyDescent="0.15">
      <c r="A717" s="3">
        <v>716</v>
      </c>
      <c r="B717" s="30" t="s">
        <v>613</v>
      </c>
      <c r="C717" s="27" t="s">
        <v>1442</v>
      </c>
      <c r="D717" s="31">
        <v>120</v>
      </c>
      <c r="E717" s="32" t="s">
        <v>3422</v>
      </c>
      <c r="F717" s="32" t="s">
        <v>370</v>
      </c>
      <c r="G717" s="27">
        <v>3</v>
      </c>
    </row>
    <row r="718" spans="1:46" s="3" customFormat="1" ht="13.5" customHeight="1" x14ac:dyDescent="0.15">
      <c r="A718" s="3">
        <v>717</v>
      </c>
      <c r="B718" s="30" t="s">
        <v>613</v>
      </c>
      <c r="C718" s="27" t="s">
        <v>1442</v>
      </c>
      <c r="D718" s="31">
        <v>331</v>
      </c>
      <c r="E718" s="32" t="s">
        <v>3421</v>
      </c>
      <c r="F718" s="32" t="s">
        <v>1266</v>
      </c>
      <c r="G718" s="27">
        <v>3</v>
      </c>
    </row>
    <row r="719" spans="1:46" s="3" customFormat="1" ht="13.5" customHeight="1" x14ac:dyDescent="0.15">
      <c r="A719" s="3">
        <v>718</v>
      </c>
      <c r="B719" s="30" t="s">
        <v>613</v>
      </c>
      <c r="C719" s="27" t="s">
        <v>1442</v>
      </c>
      <c r="D719" s="31">
        <v>3050</v>
      </c>
      <c r="E719" s="32" t="s">
        <v>1892</v>
      </c>
      <c r="F719" s="32" t="s">
        <v>197</v>
      </c>
      <c r="G719" s="27">
        <v>12</v>
      </c>
    </row>
    <row r="720" spans="1:46" ht="13.5" customHeight="1" x14ac:dyDescent="0.15">
      <c r="A720" s="3">
        <v>719</v>
      </c>
      <c r="B720" s="30" t="s">
        <v>613</v>
      </c>
      <c r="C720" s="27" t="s">
        <v>1442</v>
      </c>
      <c r="D720" s="31">
        <v>3990</v>
      </c>
      <c r="E720" s="32" t="s">
        <v>796</v>
      </c>
      <c r="F720" s="32" t="s">
        <v>1915</v>
      </c>
      <c r="G720" s="27">
        <v>12</v>
      </c>
      <c r="H720" s="3"/>
      <c r="I720" s="3"/>
      <c r="J720" s="3"/>
      <c r="K720" s="3"/>
      <c r="L720" s="3"/>
      <c r="M720" s="3"/>
      <c r="N720" s="3"/>
      <c r="O720" s="3"/>
      <c r="P720" s="3"/>
      <c r="Q720" s="3"/>
      <c r="R720" s="3"/>
      <c r="S720" s="3"/>
      <c r="T720" s="3"/>
      <c r="U720" s="3"/>
      <c r="V720" s="3"/>
      <c r="W720" s="3"/>
      <c r="X720" s="3"/>
      <c r="Y720" s="3"/>
      <c r="Z720" s="3"/>
      <c r="AA720" s="3"/>
      <c r="AB720" s="3"/>
      <c r="AC720" s="3"/>
      <c r="AD720" s="3"/>
      <c r="AE720" s="3"/>
      <c r="AF720" s="3"/>
      <c r="AG720" s="3"/>
      <c r="AH720" s="3"/>
      <c r="AI720" s="3"/>
      <c r="AJ720" s="3"/>
      <c r="AK720" s="3"/>
      <c r="AL720" s="3"/>
      <c r="AM720" s="3"/>
      <c r="AN720" s="3"/>
      <c r="AO720" s="3"/>
      <c r="AP720" s="3"/>
      <c r="AQ720" s="3"/>
      <c r="AR720" s="3"/>
      <c r="AS720" s="3"/>
      <c r="AT720" s="3"/>
    </row>
    <row r="721" spans="1:46" s="3" customFormat="1" ht="13.5" customHeight="1" x14ac:dyDescent="0.15">
      <c r="A721" s="3">
        <v>720</v>
      </c>
      <c r="B721" s="30" t="s">
        <v>613</v>
      </c>
      <c r="C721" s="27" t="s">
        <v>1442</v>
      </c>
      <c r="D721" s="31">
        <v>4640</v>
      </c>
      <c r="E721" s="32" t="s">
        <v>2993</v>
      </c>
      <c r="F721" s="32" t="s">
        <v>2630</v>
      </c>
      <c r="G721" s="27">
        <v>5</v>
      </c>
    </row>
    <row r="722" spans="1:46" s="3" customFormat="1" ht="13.5" customHeight="1" x14ac:dyDescent="0.15">
      <c r="A722" s="3">
        <v>721</v>
      </c>
      <c r="B722" s="30" t="s">
        <v>613</v>
      </c>
      <c r="C722" s="27" t="s">
        <v>1442</v>
      </c>
      <c r="D722" s="31">
        <v>6260</v>
      </c>
      <c r="E722" s="32" t="s">
        <v>390</v>
      </c>
      <c r="F722" s="32" t="s">
        <v>371</v>
      </c>
      <c r="G722" s="27">
        <v>4</v>
      </c>
      <c r="H722" s="4"/>
      <c r="I722" s="4"/>
      <c r="J722" s="4"/>
      <c r="K722" s="4"/>
      <c r="L722" s="4"/>
      <c r="M722" s="4"/>
      <c r="N722" s="4"/>
      <c r="O722" s="4"/>
      <c r="P722" s="4"/>
      <c r="Q722" s="4"/>
      <c r="R722" s="4"/>
      <c r="S722" s="4"/>
      <c r="T722" s="4"/>
      <c r="U722" s="4"/>
      <c r="V722" s="4"/>
      <c r="W722" s="4"/>
      <c r="X722" s="4"/>
      <c r="Y722" s="4"/>
      <c r="Z722" s="4"/>
      <c r="AA722" s="4"/>
      <c r="AB722" s="4"/>
      <c r="AC722" s="4"/>
      <c r="AD722" s="4"/>
      <c r="AE722" s="4"/>
      <c r="AF722" s="4"/>
      <c r="AG722" s="4"/>
      <c r="AH722" s="4"/>
      <c r="AI722" s="4"/>
      <c r="AJ722" s="4"/>
      <c r="AK722" s="4"/>
      <c r="AL722" s="4"/>
      <c r="AM722" s="4"/>
      <c r="AN722" s="4"/>
      <c r="AO722" s="4"/>
      <c r="AP722" s="4"/>
      <c r="AQ722" s="4"/>
      <c r="AR722" s="4"/>
      <c r="AS722" s="4"/>
      <c r="AT722" s="4"/>
    </row>
    <row r="723" spans="1:46" s="3" customFormat="1" ht="13.5" customHeight="1" x14ac:dyDescent="0.15">
      <c r="A723" s="3">
        <v>722</v>
      </c>
      <c r="B723" s="30" t="s">
        <v>613</v>
      </c>
      <c r="C723" s="27" t="s">
        <v>1442</v>
      </c>
      <c r="D723" s="31">
        <v>6420</v>
      </c>
      <c r="E723" s="32" t="s">
        <v>2021</v>
      </c>
      <c r="F723" s="32" t="s">
        <v>372</v>
      </c>
      <c r="G723" s="27">
        <v>5</v>
      </c>
      <c r="H723" s="4"/>
      <c r="I723" s="4"/>
      <c r="J723" s="4"/>
      <c r="K723" s="4"/>
      <c r="L723" s="4"/>
      <c r="M723" s="4"/>
      <c r="N723" s="4"/>
      <c r="O723" s="4"/>
      <c r="P723" s="4"/>
      <c r="Q723" s="4"/>
      <c r="R723" s="4"/>
      <c r="S723" s="4"/>
      <c r="T723" s="4"/>
      <c r="U723" s="4"/>
      <c r="V723" s="4"/>
      <c r="W723" s="4"/>
      <c r="X723" s="4"/>
      <c r="Y723" s="4"/>
      <c r="Z723" s="4"/>
      <c r="AA723" s="4"/>
      <c r="AB723" s="4"/>
      <c r="AC723" s="4"/>
      <c r="AD723" s="4"/>
      <c r="AE723" s="4"/>
      <c r="AF723" s="4"/>
      <c r="AG723" s="4"/>
      <c r="AH723" s="4"/>
      <c r="AI723" s="4"/>
      <c r="AJ723" s="4"/>
      <c r="AK723" s="4"/>
      <c r="AL723" s="4"/>
      <c r="AM723" s="4"/>
      <c r="AN723" s="4"/>
      <c r="AO723" s="4"/>
      <c r="AP723" s="4"/>
      <c r="AQ723" s="4"/>
      <c r="AR723" s="4"/>
      <c r="AS723" s="4"/>
      <c r="AT723" s="4"/>
    </row>
    <row r="724" spans="1:46" s="3" customFormat="1" ht="13.5" customHeight="1" x14ac:dyDescent="0.15">
      <c r="A724" s="3">
        <v>723</v>
      </c>
      <c r="B724" s="30" t="s">
        <v>613</v>
      </c>
      <c r="C724" s="27" t="s">
        <v>1442</v>
      </c>
      <c r="D724" s="31">
        <v>6520</v>
      </c>
      <c r="E724" s="32" t="s">
        <v>2880</v>
      </c>
      <c r="F724" s="32" t="s">
        <v>1917</v>
      </c>
      <c r="G724" s="27">
        <v>6</v>
      </c>
    </row>
    <row r="725" spans="1:46" s="3" customFormat="1" ht="13.5" customHeight="1" x14ac:dyDescent="0.15">
      <c r="A725" s="3">
        <v>724</v>
      </c>
      <c r="B725" s="30" t="s">
        <v>613</v>
      </c>
      <c r="C725" s="27" t="s">
        <v>1442</v>
      </c>
      <c r="D725" s="31">
        <v>6730</v>
      </c>
      <c r="E725" s="32" t="s">
        <v>1130</v>
      </c>
      <c r="F725" s="32" t="s">
        <v>708</v>
      </c>
      <c r="G725" s="27">
        <v>8</v>
      </c>
      <c r="H725" s="2"/>
      <c r="I725" s="2"/>
      <c r="J725" s="2"/>
      <c r="K725" s="2"/>
      <c r="L725" s="2"/>
      <c r="M725" s="2"/>
      <c r="N725" s="2"/>
      <c r="O725" s="2"/>
      <c r="P725" s="2"/>
      <c r="Q725" s="2"/>
      <c r="R725" s="2"/>
      <c r="S725" s="2"/>
      <c r="T725" s="2"/>
      <c r="U725" s="2"/>
      <c r="V725" s="2"/>
      <c r="W725" s="2"/>
      <c r="X725" s="2"/>
      <c r="Y725" s="2"/>
      <c r="Z725" s="2"/>
      <c r="AA725" s="2"/>
      <c r="AB725" s="2"/>
      <c r="AC725" s="2"/>
      <c r="AD725" s="2"/>
      <c r="AE725" s="2"/>
      <c r="AF725" s="2"/>
      <c r="AG725" s="2"/>
      <c r="AH725" s="2"/>
      <c r="AI725" s="2"/>
      <c r="AJ725" s="2"/>
      <c r="AK725" s="2"/>
      <c r="AL725" s="2"/>
      <c r="AM725" s="2"/>
      <c r="AN725" s="2"/>
      <c r="AO725" s="2"/>
      <c r="AP725" s="2"/>
      <c r="AQ725" s="2"/>
      <c r="AR725" s="2"/>
      <c r="AS725" s="2"/>
      <c r="AT725" s="2"/>
    </row>
    <row r="726" spans="1:46" s="3" customFormat="1" ht="13.5" customHeight="1" x14ac:dyDescent="0.15">
      <c r="A726" s="3">
        <v>725</v>
      </c>
      <c r="B726" s="30" t="s">
        <v>613</v>
      </c>
      <c r="C726" s="27" t="s">
        <v>1442</v>
      </c>
      <c r="D726" s="31">
        <v>6900</v>
      </c>
      <c r="E726" s="32" t="s">
        <v>164</v>
      </c>
      <c r="F726" s="32" t="s">
        <v>1282</v>
      </c>
      <c r="G726" s="27">
        <v>12</v>
      </c>
    </row>
    <row r="727" spans="1:46" s="3" customFormat="1" ht="13.5" customHeight="1" x14ac:dyDescent="0.15">
      <c r="A727" s="3">
        <v>726</v>
      </c>
      <c r="B727" s="30" t="s">
        <v>613</v>
      </c>
      <c r="C727" s="27" t="s">
        <v>1442</v>
      </c>
      <c r="D727" s="31">
        <v>7550</v>
      </c>
      <c r="E727" s="32" t="s">
        <v>337</v>
      </c>
      <c r="F727" s="32" t="s">
        <v>766</v>
      </c>
      <c r="G727" s="27">
        <v>5</v>
      </c>
    </row>
    <row r="728" spans="1:46" s="3" customFormat="1" ht="13.5" customHeight="1" x14ac:dyDescent="0.15">
      <c r="A728" s="3">
        <v>727</v>
      </c>
      <c r="B728" s="30" t="s">
        <v>613</v>
      </c>
      <c r="C728" s="27" t="s">
        <v>1442</v>
      </c>
      <c r="D728" s="31">
        <v>8280</v>
      </c>
      <c r="E728" s="32" t="s">
        <v>1379</v>
      </c>
      <c r="F728" s="32" t="s">
        <v>1737</v>
      </c>
      <c r="G728" s="27">
        <v>6</v>
      </c>
    </row>
    <row r="729" spans="1:46" s="3" customFormat="1" ht="13.5" customHeight="1" x14ac:dyDescent="0.15">
      <c r="A729" s="3">
        <v>728</v>
      </c>
      <c r="B729" s="30" t="s">
        <v>613</v>
      </c>
      <c r="C729" s="27" t="s">
        <v>1442</v>
      </c>
      <c r="D729" s="31">
        <v>8780</v>
      </c>
      <c r="E729" s="32" t="s">
        <v>623</v>
      </c>
      <c r="F729" s="32" t="s">
        <v>2247</v>
      </c>
      <c r="G729" s="27">
        <v>7</v>
      </c>
    </row>
    <row r="730" spans="1:46" s="3" customFormat="1" ht="13.5" customHeight="1" x14ac:dyDescent="0.15">
      <c r="A730" s="3">
        <v>729</v>
      </c>
      <c r="B730" s="30" t="s">
        <v>613</v>
      </c>
      <c r="C730" s="27" t="s">
        <v>1442</v>
      </c>
      <c r="D730" s="31">
        <v>9060</v>
      </c>
      <c r="E730" s="32" t="s">
        <v>339</v>
      </c>
      <c r="F730" s="32" t="s">
        <v>2351</v>
      </c>
      <c r="G730" s="27">
        <v>5</v>
      </c>
    </row>
    <row r="731" spans="1:46" s="3" customFormat="1" ht="13.5" customHeight="1" x14ac:dyDescent="0.15">
      <c r="A731" s="3">
        <v>730</v>
      </c>
      <c r="B731" s="30" t="s">
        <v>613</v>
      </c>
      <c r="C731" s="27" t="s">
        <v>1442</v>
      </c>
      <c r="D731" s="31">
        <v>9850</v>
      </c>
      <c r="E731" s="32" t="s">
        <v>2076</v>
      </c>
      <c r="F731" s="32" t="s">
        <v>2246</v>
      </c>
      <c r="G731" s="27">
        <v>5</v>
      </c>
    </row>
    <row r="732" spans="1:46" s="3" customFormat="1" ht="13.5" customHeight="1" x14ac:dyDescent="0.15">
      <c r="A732" s="3">
        <v>731</v>
      </c>
      <c r="B732" s="30" t="s">
        <v>613</v>
      </c>
      <c r="C732" s="27" t="s">
        <v>1442</v>
      </c>
      <c r="D732" s="31">
        <v>9870</v>
      </c>
      <c r="E732" s="32" t="s">
        <v>2078</v>
      </c>
      <c r="F732" s="32" t="s">
        <v>1636</v>
      </c>
      <c r="G732" s="27">
        <v>12</v>
      </c>
      <c r="H732" s="2"/>
      <c r="I732" s="2"/>
      <c r="J732" s="2"/>
      <c r="K732" s="2"/>
      <c r="L732" s="2"/>
      <c r="M732" s="2"/>
      <c r="N732" s="2"/>
      <c r="O732" s="2"/>
      <c r="P732" s="2"/>
      <c r="Q732" s="2"/>
      <c r="R732" s="2"/>
      <c r="S732" s="2"/>
      <c r="T732" s="2"/>
      <c r="U732" s="2"/>
      <c r="V732" s="2"/>
      <c r="W732" s="2"/>
      <c r="X732" s="2"/>
      <c r="Y732" s="2"/>
      <c r="Z732" s="2"/>
      <c r="AA732" s="2"/>
      <c r="AB732" s="2"/>
      <c r="AC732" s="2"/>
      <c r="AD732" s="2"/>
      <c r="AE732" s="2"/>
      <c r="AF732" s="2"/>
      <c r="AG732" s="2"/>
      <c r="AH732" s="2"/>
      <c r="AI732" s="2"/>
      <c r="AJ732" s="2"/>
      <c r="AK732" s="2"/>
      <c r="AL732" s="2"/>
      <c r="AM732" s="2"/>
      <c r="AN732" s="2"/>
      <c r="AO732" s="2"/>
      <c r="AP732" s="2"/>
      <c r="AQ732" s="2"/>
      <c r="AR732" s="2"/>
      <c r="AS732" s="2"/>
      <c r="AT732" s="2"/>
    </row>
    <row r="733" spans="1:46" s="3" customFormat="1" ht="13.5" customHeight="1" x14ac:dyDescent="0.15">
      <c r="A733" s="3">
        <v>732</v>
      </c>
      <c r="B733" s="30" t="s">
        <v>613</v>
      </c>
      <c r="C733" s="27" t="s">
        <v>1442</v>
      </c>
      <c r="D733" s="31">
        <v>10120</v>
      </c>
      <c r="E733" s="32" t="s">
        <v>1421</v>
      </c>
      <c r="F733" s="32" t="s">
        <v>2177</v>
      </c>
      <c r="G733" s="27">
        <v>12</v>
      </c>
    </row>
    <row r="734" spans="1:46" s="3" customFormat="1" ht="13.5" customHeight="1" x14ac:dyDescent="0.15">
      <c r="A734" s="3">
        <v>733</v>
      </c>
      <c r="B734" s="30" t="s">
        <v>613</v>
      </c>
      <c r="C734" s="27" t="s">
        <v>1442</v>
      </c>
      <c r="D734" s="31">
        <v>11670</v>
      </c>
      <c r="E734" s="32" t="s">
        <v>2777</v>
      </c>
      <c r="F734" s="32" t="s">
        <v>2778</v>
      </c>
      <c r="G734" s="27">
        <v>12</v>
      </c>
    </row>
    <row r="735" spans="1:46" ht="13.5" customHeight="1" x14ac:dyDescent="0.15">
      <c r="A735" s="3">
        <v>734</v>
      </c>
      <c r="B735" s="30" t="s">
        <v>613</v>
      </c>
      <c r="C735" s="27" t="s">
        <v>1442</v>
      </c>
      <c r="D735" s="31">
        <v>11730</v>
      </c>
      <c r="E735" s="32" t="s">
        <v>843</v>
      </c>
      <c r="F735" s="32" t="s">
        <v>1522</v>
      </c>
      <c r="G735" s="27">
        <v>12</v>
      </c>
      <c r="H735" s="3"/>
      <c r="I735" s="3"/>
      <c r="J735" s="3"/>
      <c r="K735" s="3"/>
      <c r="L735" s="3"/>
      <c r="M735" s="3"/>
      <c r="N735" s="3"/>
      <c r="O735" s="3"/>
      <c r="P735" s="3"/>
      <c r="Q735" s="3"/>
      <c r="R735" s="3"/>
      <c r="S735" s="3"/>
      <c r="T735" s="3"/>
      <c r="U735" s="3"/>
      <c r="V735" s="3"/>
      <c r="W735" s="3"/>
      <c r="X735" s="3"/>
      <c r="Y735" s="3"/>
      <c r="Z735" s="3"/>
      <c r="AA735" s="3"/>
      <c r="AB735" s="3"/>
      <c r="AC735" s="3"/>
      <c r="AD735" s="3"/>
      <c r="AE735" s="3"/>
      <c r="AF735" s="3"/>
      <c r="AG735" s="3"/>
      <c r="AH735" s="3"/>
      <c r="AI735" s="3"/>
      <c r="AJ735" s="3"/>
      <c r="AK735" s="3"/>
      <c r="AL735" s="3"/>
      <c r="AM735" s="3"/>
      <c r="AN735" s="3"/>
      <c r="AO735" s="3"/>
      <c r="AP735" s="3"/>
      <c r="AQ735" s="3"/>
      <c r="AR735" s="3"/>
      <c r="AS735" s="3"/>
      <c r="AT735" s="3"/>
    </row>
    <row r="736" spans="1:46" s="3" customFormat="1" ht="13.5" customHeight="1" x14ac:dyDescent="0.15">
      <c r="A736" s="3">
        <v>735</v>
      </c>
      <c r="B736" s="30" t="s">
        <v>613</v>
      </c>
      <c r="C736" s="27" t="s">
        <v>1442</v>
      </c>
      <c r="D736" s="31">
        <v>11920</v>
      </c>
      <c r="E736" s="32" t="s">
        <v>1338</v>
      </c>
      <c r="F736" s="32" t="s">
        <v>1763</v>
      </c>
      <c r="G736" s="27">
        <v>8</v>
      </c>
    </row>
    <row r="737" spans="1:7" s="3" customFormat="1" ht="13.5" customHeight="1" x14ac:dyDescent="0.15">
      <c r="A737" s="3">
        <v>736</v>
      </c>
      <c r="B737" s="30" t="s">
        <v>613</v>
      </c>
      <c r="C737" s="27" t="s">
        <v>1442</v>
      </c>
      <c r="D737" s="31">
        <v>11980</v>
      </c>
      <c r="E737" s="32" t="s">
        <v>1340</v>
      </c>
      <c r="F737" s="32" t="s">
        <v>1738</v>
      </c>
      <c r="G737" s="27">
        <v>6</v>
      </c>
    </row>
    <row r="738" spans="1:7" s="3" customFormat="1" ht="13.5" customHeight="1" x14ac:dyDescent="0.15">
      <c r="A738" s="3">
        <v>737</v>
      </c>
      <c r="B738" s="30" t="s">
        <v>613</v>
      </c>
      <c r="C738" s="27" t="s">
        <v>1442</v>
      </c>
      <c r="D738" s="31">
        <v>13110</v>
      </c>
      <c r="E738" s="32" t="s">
        <v>1139</v>
      </c>
      <c r="F738" s="32" t="s">
        <v>30</v>
      </c>
      <c r="G738" s="27">
        <v>9</v>
      </c>
    </row>
    <row r="739" spans="1:7" s="3" customFormat="1" ht="13.5" customHeight="1" x14ac:dyDescent="0.15">
      <c r="A739" s="3">
        <v>738</v>
      </c>
      <c r="B739" s="30" t="s">
        <v>613</v>
      </c>
      <c r="C739" s="27" t="s">
        <v>1442</v>
      </c>
      <c r="D739" s="31">
        <v>13680</v>
      </c>
      <c r="E739" s="32" t="s">
        <v>478</v>
      </c>
      <c r="F739" s="32" t="s">
        <v>29</v>
      </c>
      <c r="G739" s="27">
        <v>12</v>
      </c>
    </row>
    <row r="740" spans="1:7" s="3" customFormat="1" ht="13.5" customHeight="1" x14ac:dyDescent="0.15">
      <c r="A740" s="3">
        <v>739</v>
      </c>
      <c r="B740" s="30" t="s">
        <v>613</v>
      </c>
      <c r="C740" s="27" t="s">
        <v>1442</v>
      </c>
      <c r="D740" s="31">
        <v>14240</v>
      </c>
      <c r="E740" s="32" t="s">
        <v>742</v>
      </c>
      <c r="F740" s="32" t="s">
        <v>1299</v>
      </c>
      <c r="G740" s="27">
        <v>12</v>
      </c>
    </row>
    <row r="741" spans="1:7" s="3" customFormat="1" ht="13.5" customHeight="1" x14ac:dyDescent="0.15">
      <c r="A741" s="3">
        <v>740</v>
      </c>
      <c r="B741" s="30" t="s">
        <v>613</v>
      </c>
      <c r="C741" s="27" t="s">
        <v>1442</v>
      </c>
      <c r="D741" s="31">
        <v>15240</v>
      </c>
      <c r="E741" s="32" t="s">
        <v>3487</v>
      </c>
      <c r="F741" s="32" t="s">
        <v>1293</v>
      </c>
      <c r="G741" s="27">
        <v>12</v>
      </c>
    </row>
    <row r="742" spans="1:7" s="3" customFormat="1" ht="13.5" customHeight="1" x14ac:dyDescent="0.15">
      <c r="A742" s="3">
        <v>741</v>
      </c>
      <c r="B742" s="30" t="s">
        <v>613</v>
      </c>
      <c r="C742" s="27" t="s">
        <v>1442</v>
      </c>
      <c r="D742" s="31">
        <v>15570</v>
      </c>
      <c r="E742" s="32" t="s">
        <v>617</v>
      </c>
      <c r="F742" s="32" t="s">
        <v>1521</v>
      </c>
      <c r="G742" s="27">
        <v>12</v>
      </c>
    </row>
    <row r="743" spans="1:7" s="3" customFormat="1" ht="13.5" customHeight="1" x14ac:dyDescent="0.15">
      <c r="A743" s="3">
        <v>742</v>
      </c>
      <c r="B743" s="30" t="s">
        <v>613</v>
      </c>
      <c r="C743" s="27" t="s">
        <v>1442</v>
      </c>
      <c r="D743" s="31">
        <v>16020</v>
      </c>
      <c r="E743" s="32" t="s">
        <v>1109</v>
      </c>
      <c r="F743" s="32" t="s">
        <v>28</v>
      </c>
      <c r="G743" s="27">
        <v>11</v>
      </c>
    </row>
    <row r="744" spans="1:7" s="3" customFormat="1" ht="13.5" customHeight="1" x14ac:dyDescent="0.15">
      <c r="A744" s="3">
        <v>743</v>
      </c>
      <c r="B744" s="30" t="s">
        <v>613</v>
      </c>
      <c r="C744" s="27" t="s">
        <v>1442</v>
      </c>
      <c r="D744" s="31">
        <v>19050</v>
      </c>
      <c r="E744" s="32" t="s">
        <v>1399</v>
      </c>
      <c r="F744" s="32" t="s">
        <v>998</v>
      </c>
      <c r="G744" s="27">
        <v>7</v>
      </c>
    </row>
    <row r="745" spans="1:7" s="3" customFormat="1" ht="13.5" customHeight="1" x14ac:dyDescent="0.15">
      <c r="A745" s="3">
        <v>744</v>
      </c>
      <c r="B745" s="30" t="s">
        <v>613</v>
      </c>
      <c r="C745" s="27" t="s">
        <v>1442</v>
      </c>
      <c r="D745" s="31">
        <v>19720</v>
      </c>
      <c r="E745" s="32" t="s">
        <v>851</v>
      </c>
      <c r="F745" s="32" t="s">
        <v>26</v>
      </c>
      <c r="G745" s="27">
        <v>4</v>
      </c>
    </row>
    <row r="746" spans="1:7" s="3" customFormat="1" ht="13.5" customHeight="1" x14ac:dyDescent="0.15">
      <c r="A746" s="3">
        <v>745</v>
      </c>
      <c r="B746" s="30" t="s">
        <v>613</v>
      </c>
      <c r="C746" s="27" t="s">
        <v>1442</v>
      </c>
      <c r="D746" s="31">
        <v>19750</v>
      </c>
      <c r="E746" s="32" t="s">
        <v>853</v>
      </c>
      <c r="F746" s="32" t="s">
        <v>1523</v>
      </c>
      <c r="G746" s="27">
        <v>6</v>
      </c>
    </row>
    <row r="747" spans="1:7" s="3" customFormat="1" ht="13.5" customHeight="1" x14ac:dyDescent="0.15">
      <c r="A747" s="3">
        <v>746</v>
      </c>
      <c r="B747" s="30" t="s">
        <v>613</v>
      </c>
      <c r="C747" s="27" t="s">
        <v>1442</v>
      </c>
      <c r="D747" s="31">
        <v>20280</v>
      </c>
      <c r="E747" s="32" t="s">
        <v>1683</v>
      </c>
      <c r="F747" s="32" t="s">
        <v>1292</v>
      </c>
      <c r="G747" s="27">
        <v>5</v>
      </c>
    </row>
    <row r="748" spans="1:7" s="3" customFormat="1" ht="13.5" customHeight="1" x14ac:dyDescent="0.15">
      <c r="A748" s="3">
        <v>747</v>
      </c>
      <c r="B748" s="30" t="s">
        <v>613</v>
      </c>
      <c r="C748" s="27" t="s">
        <v>1442</v>
      </c>
      <c r="D748" s="31">
        <v>21330</v>
      </c>
      <c r="E748" s="32" t="s">
        <v>406</v>
      </c>
      <c r="F748" s="32" t="s">
        <v>1291</v>
      </c>
      <c r="G748" s="27">
        <v>7</v>
      </c>
    </row>
    <row r="749" spans="1:7" s="3" customFormat="1" ht="13.5" customHeight="1" x14ac:dyDescent="0.15">
      <c r="A749" s="3">
        <v>748</v>
      </c>
      <c r="B749" s="30" t="s">
        <v>613</v>
      </c>
      <c r="C749" s="27" t="s">
        <v>1442</v>
      </c>
      <c r="D749" s="31">
        <v>22170</v>
      </c>
      <c r="E749" s="32" t="s">
        <v>930</v>
      </c>
      <c r="F749" s="32" t="s">
        <v>14</v>
      </c>
      <c r="G749" s="27">
        <v>12</v>
      </c>
    </row>
    <row r="750" spans="1:7" s="3" customFormat="1" ht="13.5" customHeight="1" x14ac:dyDescent="0.15">
      <c r="A750" s="3">
        <v>749</v>
      </c>
      <c r="B750" s="30" t="s">
        <v>613</v>
      </c>
      <c r="C750" s="27" t="s">
        <v>1034</v>
      </c>
      <c r="D750" s="31">
        <v>22450</v>
      </c>
      <c r="E750" s="32" t="s">
        <v>1098</v>
      </c>
      <c r="F750" s="32" t="s">
        <v>274</v>
      </c>
      <c r="G750" s="27">
        <v>3</v>
      </c>
    </row>
    <row r="751" spans="1:7" s="3" customFormat="1" ht="13.5" customHeight="1" x14ac:dyDescent="0.15">
      <c r="A751" s="3">
        <v>750</v>
      </c>
      <c r="B751" s="30" t="s">
        <v>613</v>
      </c>
      <c r="C751" s="27" t="s">
        <v>1442</v>
      </c>
      <c r="D751" s="31">
        <v>23680</v>
      </c>
      <c r="E751" s="32" t="s">
        <v>1102</v>
      </c>
      <c r="F751" s="32" t="s">
        <v>1914</v>
      </c>
      <c r="G751" s="27">
        <v>11</v>
      </c>
    </row>
    <row r="752" spans="1:7" s="3" customFormat="1" ht="13.5" customHeight="1" x14ac:dyDescent="0.15">
      <c r="A752" s="3">
        <v>751</v>
      </c>
      <c r="B752" s="30" t="s">
        <v>613</v>
      </c>
      <c r="C752" s="27" t="s">
        <v>1442</v>
      </c>
      <c r="D752" s="31">
        <v>24600</v>
      </c>
      <c r="E752" s="32" t="s">
        <v>767</v>
      </c>
      <c r="F752" s="32" t="s">
        <v>705</v>
      </c>
      <c r="G752" s="27">
        <v>12</v>
      </c>
    </row>
    <row r="753" spans="1:46" s="3" customFormat="1" ht="13.5" customHeight="1" x14ac:dyDescent="0.15">
      <c r="A753" s="3">
        <v>752</v>
      </c>
      <c r="B753" s="30" t="s">
        <v>613</v>
      </c>
      <c r="C753" s="27" t="s">
        <v>1442</v>
      </c>
      <c r="D753" s="31">
        <v>24610</v>
      </c>
      <c r="E753" s="32" t="s">
        <v>768</v>
      </c>
      <c r="F753" s="32" t="s">
        <v>438</v>
      </c>
      <c r="G753" s="27">
        <v>7</v>
      </c>
    </row>
    <row r="754" spans="1:46" s="3" customFormat="1" ht="13.5" customHeight="1" x14ac:dyDescent="0.15">
      <c r="A754" s="3">
        <v>753</v>
      </c>
      <c r="B754" s="30" t="s">
        <v>613</v>
      </c>
      <c r="C754" s="27" t="s">
        <v>1442</v>
      </c>
      <c r="D754" s="31">
        <v>26010</v>
      </c>
      <c r="E754" s="32" t="s">
        <v>173</v>
      </c>
      <c r="F754" s="32" t="s">
        <v>707</v>
      </c>
      <c r="G754" s="27">
        <v>6</v>
      </c>
    </row>
    <row r="755" spans="1:46" s="3" customFormat="1" ht="13.5" customHeight="1" x14ac:dyDescent="0.15">
      <c r="A755" s="3">
        <v>754</v>
      </c>
      <c r="B755" s="30" t="s">
        <v>613</v>
      </c>
      <c r="C755" s="27" t="s">
        <v>1442</v>
      </c>
      <c r="D755" s="31">
        <v>28250</v>
      </c>
      <c r="E755" s="32" t="s">
        <v>2106</v>
      </c>
      <c r="F755" s="32" t="s">
        <v>706</v>
      </c>
      <c r="G755" s="27">
        <v>6</v>
      </c>
    </row>
    <row r="756" spans="1:46" s="3" customFormat="1" ht="13.5" customHeight="1" x14ac:dyDescent="0.15">
      <c r="A756" s="3">
        <v>755</v>
      </c>
      <c r="B756" s="30" t="s">
        <v>613</v>
      </c>
      <c r="C756" s="27" t="s">
        <v>1442</v>
      </c>
      <c r="D756" s="31">
        <v>28370</v>
      </c>
      <c r="E756" s="32" t="s">
        <v>1943</v>
      </c>
      <c r="F756" s="32" t="s">
        <v>1297</v>
      </c>
      <c r="G756" s="27">
        <v>9</v>
      </c>
    </row>
    <row r="757" spans="1:46" s="3" customFormat="1" ht="13.5" customHeight="1" x14ac:dyDescent="0.15">
      <c r="A757" s="3">
        <v>756</v>
      </c>
      <c r="B757" s="30" t="s">
        <v>613</v>
      </c>
      <c r="C757" s="27" t="s">
        <v>1442</v>
      </c>
      <c r="D757" s="31">
        <v>28770</v>
      </c>
      <c r="E757" s="32" t="s">
        <v>169</v>
      </c>
      <c r="F757" s="32" t="s">
        <v>1298</v>
      </c>
      <c r="G757" s="27">
        <v>1</v>
      </c>
    </row>
    <row r="758" spans="1:46" s="3" customFormat="1" ht="13.5" customHeight="1" x14ac:dyDescent="0.15">
      <c r="A758" s="3">
        <v>757</v>
      </c>
      <c r="B758" s="30" t="s">
        <v>613</v>
      </c>
      <c r="C758" s="27" t="s">
        <v>1442</v>
      </c>
      <c r="D758" s="31">
        <v>29450</v>
      </c>
      <c r="E758" s="32" t="s">
        <v>187</v>
      </c>
      <c r="F758" s="32" t="s">
        <v>15</v>
      </c>
      <c r="G758" s="27">
        <v>6</v>
      </c>
    </row>
    <row r="759" spans="1:46" s="3" customFormat="1" ht="13.5" customHeight="1" x14ac:dyDescent="0.15">
      <c r="A759" s="3">
        <v>758</v>
      </c>
      <c r="B759" s="30" t="s">
        <v>613</v>
      </c>
      <c r="C759" s="27" t="s">
        <v>1442</v>
      </c>
      <c r="D759" s="31">
        <v>29460</v>
      </c>
      <c r="E759" s="32" t="s">
        <v>2054</v>
      </c>
      <c r="F759" s="32" t="s">
        <v>27</v>
      </c>
      <c r="G759" s="27">
        <v>6</v>
      </c>
    </row>
    <row r="760" spans="1:46" s="3" customFormat="1" ht="13.5" customHeight="1" x14ac:dyDescent="0.15">
      <c r="A760" s="3">
        <v>759</v>
      </c>
      <c r="B760" s="30" t="s">
        <v>613</v>
      </c>
      <c r="C760" s="27" t="s">
        <v>1442</v>
      </c>
      <c r="D760" s="31">
        <v>31290</v>
      </c>
      <c r="E760" s="32" t="s">
        <v>1422</v>
      </c>
      <c r="F760" s="32" t="s">
        <v>1735</v>
      </c>
      <c r="G760" s="27">
        <v>3</v>
      </c>
    </row>
    <row r="761" spans="1:46" s="3" customFormat="1" ht="13.5" customHeight="1" x14ac:dyDescent="0.15">
      <c r="A761" s="3">
        <v>760</v>
      </c>
      <c r="B761" s="30" t="s">
        <v>613</v>
      </c>
      <c r="C761" s="27" t="s">
        <v>1442</v>
      </c>
      <c r="D761" s="31">
        <v>34270</v>
      </c>
      <c r="E761" s="32" t="s">
        <v>716</v>
      </c>
      <c r="F761" s="32" t="s">
        <v>369</v>
      </c>
      <c r="G761" s="27">
        <v>6</v>
      </c>
    </row>
    <row r="762" spans="1:46" s="3" customFormat="1" ht="13.5" customHeight="1" x14ac:dyDescent="0.15">
      <c r="A762" s="3">
        <v>761</v>
      </c>
      <c r="B762" s="30" t="s">
        <v>613</v>
      </c>
      <c r="C762" s="27" t="s">
        <v>1442</v>
      </c>
      <c r="D762" s="31">
        <v>34350</v>
      </c>
      <c r="E762" s="32" t="s">
        <v>1124</v>
      </c>
      <c r="F762" s="32" t="s">
        <v>2631</v>
      </c>
      <c r="G762" s="27">
        <v>8</v>
      </c>
    </row>
    <row r="763" spans="1:46" s="3" customFormat="1" ht="13.5" customHeight="1" x14ac:dyDescent="0.15">
      <c r="A763" s="3">
        <v>762</v>
      </c>
      <c r="B763" s="30" t="s">
        <v>613</v>
      </c>
      <c r="C763" s="27" t="s">
        <v>1442</v>
      </c>
      <c r="D763" s="31">
        <v>35810</v>
      </c>
      <c r="E763" s="32" t="s">
        <v>1527</v>
      </c>
      <c r="F763" s="32" t="s">
        <v>16</v>
      </c>
      <c r="G763" s="27">
        <v>9</v>
      </c>
      <c r="H763" s="2"/>
      <c r="I763" s="2"/>
      <c r="J763" s="2"/>
      <c r="K763" s="2"/>
      <c r="L763" s="2"/>
      <c r="M763" s="2"/>
      <c r="N763" s="2"/>
      <c r="O763" s="2"/>
      <c r="P763" s="2"/>
      <c r="Q763" s="2"/>
      <c r="R763" s="2"/>
      <c r="S763" s="2"/>
      <c r="T763" s="2"/>
      <c r="U763" s="2"/>
      <c r="V763" s="2"/>
      <c r="W763" s="2"/>
      <c r="X763" s="2"/>
      <c r="Y763" s="2"/>
      <c r="Z763" s="2"/>
      <c r="AA763" s="2"/>
      <c r="AB763" s="2"/>
      <c r="AC763" s="2"/>
      <c r="AD763" s="2"/>
      <c r="AE763" s="2"/>
      <c r="AF763" s="2"/>
      <c r="AG763" s="2"/>
      <c r="AH763" s="2"/>
      <c r="AI763" s="2"/>
      <c r="AJ763" s="2"/>
      <c r="AK763" s="2"/>
      <c r="AL763" s="2"/>
      <c r="AM763" s="2"/>
      <c r="AN763" s="2"/>
      <c r="AO763" s="2"/>
      <c r="AP763" s="2"/>
      <c r="AQ763" s="2"/>
      <c r="AR763" s="2"/>
      <c r="AS763" s="2"/>
      <c r="AT763" s="2"/>
    </row>
    <row r="764" spans="1:46" s="3" customFormat="1" ht="13.5" customHeight="1" x14ac:dyDescent="0.15">
      <c r="A764" s="3">
        <v>763</v>
      </c>
      <c r="B764" s="30" t="s">
        <v>613</v>
      </c>
      <c r="C764" s="27" t="s">
        <v>1442</v>
      </c>
      <c r="D764" s="31">
        <v>35830</v>
      </c>
      <c r="E764" s="32" t="s">
        <v>1528</v>
      </c>
      <c r="F764" s="32" t="s">
        <v>1736</v>
      </c>
      <c r="G764" s="27">
        <v>5</v>
      </c>
      <c r="H764" s="2"/>
      <c r="I764" s="2"/>
      <c r="J764" s="2"/>
      <c r="K764" s="2"/>
      <c r="L764" s="2"/>
      <c r="M764" s="2"/>
      <c r="N764" s="2"/>
      <c r="O764" s="2"/>
      <c r="P764" s="2"/>
      <c r="Q764" s="2"/>
      <c r="R764" s="2"/>
      <c r="S764" s="2"/>
      <c r="T764" s="2"/>
      <c r="U764" s="2"/>
      <c r="V764" s="2"/>
      <c r="W764" s="2"/>
      <c r="X764" s="2"/>
      <c r="Y764" s="2"/>
      <c r="Z764" s="2"/>
      <c r="AA764" s="2"/>
      <c r="AB764" s="2"/>
      <c r="AC764" s="2"/>
      <c r="AD764" s="2"/>
      <c r="AE764" s="2"/>
      <c r="AF764" s="2"/>
      <c r="AG764" s="2"/>
      <c r="AH764" s="2"/>
      <c r="AI764" s="2"/>
      <c r="AJ764" s="2"/>
      <c r="AK764" s="2"/>
      <c r="AL764" s="2"/>
      <c r="AM764" s="2"/>
      <c r="AN764" s="2"/>
      <c r="AO764" s="2"/>
      <c r="AP764" s="2"/>
      <c r="AQ764" s="2"/>
      <c r="AR764" s="2"/>
      <c r="AS764" s="2"/>
      <c r="AT764" s="2"/>
    </row>
    <row r="765" spans="1:46" s="3" customFormat="1" ht="13.5" customHeight="1" x14ac:dyDescent="0.15">
      <c r="A765" s="3">
        <v>764</v>
      </c>
      <c r="B765" s="30" t="s">
        <v>613</v>
      </c>
      <c r="C765" s="27" t="s">
        <v>1442</v>
      </c>
      <c r="D765" s="31">
        <v>35840</v>
      </c>
      <c r="E765" s="32" t="s">
        <v>283</v>
      </c>
      <c r="F765" s="32" t="s">
        <v>765</v>
      </c>
      <c r="G765" s="27">
        <v>10</v>
      </c>
      <c r="H765" s="2"/>
      <c r="I765" s="2"/>
      <c r="J765" s="2"/>
      <c r="K765" s="2"/>
      <c r="L765" s="2"/>
      <c r="M765" s="2"/>
      <c r="N765" s="2"/>
      <c r="O765" s="2"/>
      <c r="P765" s="2"/>
      <c r="Q765" s="2"/>
      <c r="R765" s="2"/>
      <c r="S765" s="2"/>
      <c r="T765" s="2"/>
      <c r="U765" s="2"/>
      <c r="V765" s="2"/>
      <c r="W765" s="2"/>
      <c r="X765" s="2"/>
      <c r="Y765" s="2"/>
      <c r="Z765" s="2"/>
      <c r="AA765" s="2"/>
      <c r="AB765" s="2"/>
      <c r="AC765" s="2"/>
      <c r="AD765" s="2"/>
      <c r="AE765" s="2"/>
      <c r="AF765" s="2"/>
      <c r="AG765" s="2"/>
      <c r="AH765" s="2"/>
      <c r="AI765" s="2"/>
      <c r="AJ765" s="2"/>
      <c r="AK765" s="2"/>
      <c r="AL765" s="2"/>
      <c r="AM765" s="2"/>
      <c r="AN765" s="2"/>
      <c r="AO765" s="2"/>
      <c r="AP765" s="2"/>
      <c r="AQ765" s="2"/>
      <c r="AR765" s="2"/>
      <c r="AS765" s="2"/>
      <c r="AT765" s="2"/>
    </row>
    <row r="766" spans="1:46" s="3" customFormat="1" ht="13.5" customHeight="1" x14ac:dyDescent="0.15">
      <c r="A766" s="3">
        <v>765</v>
      </c>
      <c r="B766" s="30" t="s">
        <v>613</v>
      </c>
      <c r="C766" s="27" t="s">
        <v>1442</v>
      </c>
      <c r="D766" s="31">
        <v>36440</v>
      </c>
      <c r="E766" s="32" t="s">
        <v>689</v>
      </c>
      <c r="F766" s="32" t="s">
        <v>460</v>
      </c>
      <c r="G766" s="27">
        <v>9</v>
      </c>
    </row>
    <row r="767" spans="1:46" s="3" customFormat="1" ht="13.5" customHeight="1" x14ac:dyDescent="0.15">
      <c r="A767" s="3">
        <v>766</v>
      </c>
      <c r="B767" s="30" t="s">
        <v>613</v>
      </c>
      <c r="C767" s="27" t="s">
        <v>1442</v>
      </c>
      <c r="D767" s="31">
        <v>36790</v>
      </c>
      <c r="E767" s="32" t="s">
        <v>886</v>
      </c>
      <c r="F767" s="32" t="s">
        <v>3345</v>
      </c>
      <c r="G767" s="27">
        <v>12</v>
      </c>
    </row>
    <row r="768" spans="1:46" s="3" customFormat="1" ht="13.5" customHeight="1" x14ac:dyDescent="0.15">
      <c r="A768" s="3">
        <v>767</v>
      </c>
      <c r="B768" s="30" t="s">
        <v>613</v>
      </c>
      <c r="C768" s="27" t="s">
        <v>1442</v>
      </c>
      <c r="D768" s="31">
        <v>38440</v>
      </c>
      <c r="E768" s="32" t="s">
        <v>3007</v>
      </c>
      <c r="F768" s="32" t="s">
        <v>2245</v>
      </c>
      <c r="G768" s="27">
        <v>6</v>
      </c>
    </row>
    <row r="769" spans="1:7" s="3" customFormat="1" ht="13.5" customHeight="1" x14ac:dyDescent="0.15">
      <c r="A769" s="3">
        <v>768</v>
      </c>
      <c r="B769" s="30" t="s">
        <v>613</v>
      </c>
      <c r="C769" s="44" t="s">
        <v>1034</v>
      </c>
      <c r="D769" s="28">
        <v>41080</v>
      </c>
      <c r="E769" s="29" t="s">
        <v>469</v>
      </c>
      <c r="F769" s="32" t="s">
        <v>17</v>
      </c>
      <c r="G769" s="27">
        <v>6</v>
      </c>
    </row>
    <row r="770" spans="1:7" s="3" customFormat="1" ht="13.5" customHeight="1" x14ac:dyDescent="0.15">
      <c r="A770" s="3">
        <v>769</v>
      </c>
      <c r="B770" s="30" t="s">
        <v>613</v>
      </c>
      <c r="C770" s="35" t="s">
        <v>340</v>
      </c>
      <c r="D770" s="28">
        <v>41470</v>
      </c>
      <c r="E770" s="36" t="s">
        <v>74</v>
      </c>
      <c r="F770" s="29" t="s">
        <v>2248</v>
      </c>
      <c r="G770" s="27">
        <v>8</v>
      </c>
    </row>
    <row r="771" spans="1:7" s="3" customFormat="1" ht="13.5" customHeight="1" x14ac:dyDescent="0.15">
      <c r="A771" s="3">
        <v>770</v>
      </c>
      <c r="B771" s="30" t="s">
        <v>613</v>
      </c>
      <c r="C771" s="27" t="s">
        <v>340</v>
      </c>
      <c r="D771" s="28">
        <v>41590</v>
      </c>
      <c r="E771" s="32" t="s">
        <v>1262</v>
      </c>
      <c r="F771" s="32" t="s">
        <v>1799</v>
      </c>
      <c r="G771" s="27">
        <v>6</v>
      </c>
    </row>
    <row r="772" spans="1:7" s="3" customFormat="1" ht="13.5" customHeight="1" x14ac:dyDescent="0.15">
      <c r="A772" s="3">
        <v>771</v>
      </c>
      <c r="B772" s="30" t="s">
        <v>613</v>
      </c>
      <c r="C772" s="27" t="s">
        <v>340</v>
      </c>
      <c r="D772" s="28">
        <v>41840</v>
      </c>
      <c r="E772" s="38" t="s">
        <v>1940</v>
      </c>
      <c r="F772" s="36" t="s">
        <v>2244</v>
      </c>
      <c r="G772" s="27">
        <v>6</v>
      </c>
    </row>
    <row r="773" spans="1:7" s="3" customFormat="1" ht="13.5" customHeight="1" x14ac:dyDescent="0.15">
      <c r="A773" s="3">
        <v>772</v>
      </c>
      <c r="B773" s="30" t="s">
        <v>613</v>
      </c>
      <c r="C773" s="27" t="s">
        <v>1442</v>
      </c>
      <c r="D773" s="31">
        <v>41950</v>
      </c>
      <c r="E773" s="32" t="s">
        <v>377</v>
      </c>
      <c r="F773" s="32" t="s">
        <v>373</v>
      </c>
      <c r="G773" s="27">
        <v>3</v>
      </c>
    </row>
    <row r="774" spans="1:7" s="3" customFormat="1" ht="13.5" customHeight="1" x14ac:dyDescent="0.15">
      <c r="A774" s="3">
        <v>773</v>
      </c>
      <c r="B774" s="30" t="s">
        <v>613</v>
      </c>
      <c r="C774" s="35" t="s">
        <v>340</v>
      </c>
      <c r="D774" s="28">
        <v>42010</v>
      </c>
      <c r="E774" s="32" t="s">
        <v>2118</v>
      </c>
      <c r="F774" s="32" t="s">
        <v>2190</v>
      </c>
      <c r="G774" s="27">
        <v>6</v>
      </c>
    </row>
    <row r="775" spans="1:7" s="3" customFormat="1" ht="13.5" customHeight="1" x14ac:dyDescent="0.15">
      <c r="A775" s="3">
        <v>774</v>
      </c>
      <c r="B775" s="30" t="s">
        <v>613</v>
      </c>
      <c r="C775" s="35" t="s">
        <v>340</v>
      </c>
      <c r="D775" s="28">
        <v>42200</v>
      </c>
      <c r="E775" s="32" t="s">
        <v>2119</v>
      </c>
      <c r="F775" s="32" t="s">
        <v>903</v>
      </c>
      <c r="G775" s="27">
        <v>4</v>
      </c>
    </row>
    <row r="776" spans="1:7" s="3" customFormat="1" ht="13.5" customHeight="1" x14ac:dyDescent="0.15">
      <c r="A776" s="3">
        <v>775</v>
      </c>
      <c r="B776" s="30" t="s">
        <v>613</v>
      </c>
      <c r="C776" s="27" t="s">
        <v>340</v>
      </c>
      <c r="D776" s="31">
        <v>42250</v>
      </c>
      <c r="E776" s="32" t="s">
        <v>2446</v>
      </c>
      <c r="F776" s="32" t="s">
        <v>2449</v>
      </c>
      <c r="G776" s="27">
        <v>6</v>
      </c>
    </row>
    <row r="777" spans="1:7" s="3" customFormat="1" ht="13.5" customHeight="1" x14ac:dyDescent="0.15">
      <c r="A777" s="3">
        <v>776</v>
      </c>
      <c r="B777" s="30" t="s">
        <v>613</v>
      </c>
      <c r="C777" s="44" t="s">
        <v>1034</v>
      </c>
      <c r="D777" s="31">
        <v>42260</v>
      </c>
      <c r="E777" s="32" t="s">
        <v>1368</v>
      </c>
      <c r="F777" s="32" t="s">
        <v>73</v>
      </c>
      <c r="G777" s="27">
        <v>6</v>
      </c>
    </row>
    <row r="778" spans="1:7" s="3" customFormat="1" ht="13.5" customHeight="1" x14ac:dyDescent="0.15">
      <c r="A778" s="3">
        <v>777</v>
      </c>
      <c r="B778" s="30" t="s">
        <v>613</v>
      </c>
      <c r="C778" s="44" t="s">
        <v>1034</v>
      </c>
      <c r="D778" s="28">
        <v>42290</v>
      </c>
      <c r="E778" s="36" t="s">
        <v>1004</v>
      </c>
      <c r="F778" s="32" t="s">
        <v>2249</v>
      </c>
      <c r="G778" s="27">
        <v>5</v>
      </c>
    </row>
    <row r="779" spans="1:7" s="3" customFormat="1" ht="13.5" customHeight="1" x14ac:dyDescent="0.15">
      <c r="A779" s="3">
        <v>778</v>
      </c>
      <c r="B779" s="30" t="s">
        <v>613</v>
      </c>
      <c r="C779" s="27" t="s">
        <v>340</v>
      </c>
      <c r="D779" s="28">
        <v>42490</v>
      </c>
      <c r="E779" s="29" t="s">
        <v>1556</v>
      </c>
      <c r="F779" s="29" t="s">
        <v>2632</v>
      </c>
      <c r="G779" s="27">
        <v>6</v>
      </c>
    </row>
    <row r="780" spans="1:7" s="3" customFormat="1" ht="13.5" customHeight="1" x14ac:dyDescent="0.15">
      <c r="A780" s="3">
        <v>779</v>
      </c>
      <c r="B780" s="30" t="s">
        <v>613</v>
      </c>
      <c r="C780" s="27" t="s">
        <v>340</v>
      </c>
      <c r="D780" s="34">
        <v>42840</v>
      </c>
      <c r="E780" s="32" t="s">
        <v>3094</v>
      </c>
      <c r="F780" s="32" t="s">
        <v>2157</v>
      </c>
      <c r="G780" s="27">
        <v>7</v>
      </c>
    </row>
    <row r="781" spans="1:7" s="3" customFormat="1" ht="13.5" customHeight="1" x14ac:dyDescent="0.15">
      <c r="A781" s="3">
        <v>780</v>
      </c>
      <c r="B781" s="30" t="s">
        <v>613</v>
      </c>
      <c r="C781" s="27" t="s">
        <v>340</v>
      </c>
      <c r="D781" s="34">
        <v>42890</v>
      </c>
      <c r="E781" s="32" t="s">
        <v>3098</v>
      </c>
      <c r="F781" s="32" t="s">
        <v>2163</v>
      </c>
      <c r="G781" s="27">
        <v>4</v>
      </c>
    </row>
    <row r="782" spans="1:7" s="3" customFormat="1" ht="13.5" customHeight="1" x14ac:dyDescent="0.15">
      <c r="A782" s="3">
        <v>781</v>
      </c>
      <c r="B782" s="30" t="s">
        <v>613</v>
      </c>
      <c r="C782" s="27" t="s">
        <v>340</v>
      </c>
      <c r="D782" s="34">
        <v>42950</v>
      </c>
      <c r="E782" s="32" t="s">
        <v>3118</v>
      </c>
      <c r="F782" s="32" t="s">
        <v>2163</v>
      </c>
      <c r="G782" s="27">
        <v>3</v>
      </c>
    </row>
    <row r="783" spans="1:7" s="3" customFormat="1" ht="13.5" customHeight="1" x14ac:dyDescent="0.15">
      <c r="A783" s="3">
        <v>782</v>
      </c>
      <c r="B783" s="30" t="s">
        <v>613</v>
      </c>
      <c r="C783" s="27" t="s">
        <v>2179</v>
      </c>
      <c r="D783" s="28">
        <v>42980</v>
      </c>
      <c r="E783" s="36" t="s">
        <v>2180</v>
      </c>
      <c r="F783" s="32" t="s">
        <v>2181</v>
      </c>
      <c r="G783" s="27">
        <v>6</v>
      </c>
    </row>
    <row r="784" spans="1:7" s="3" customFormat="1" ht="13.5" customHeight="1" x14ac:dyDescent="0.15">
      <c r="A784" s="3">
        <v>783</v>
      </c>
      <c r="B784" s="30" t="s">
        <v>613</v>
      </c>
      <c r="C784" s="27" t="s">
        <v>1442</v>
      </c>
      <c r="D784" s="31">
        <v>143240</v>
      </c>
      <c r="E784" s="32" t="s">
        <v>2374</v>
      </c>
      <c r="F784" s="32" t="s">
        <v>2375</v>
      </c>
      <c r="G784" s="27">
        <v>12</v>
      </c>
    </row>
    <row r="785" spans="1:46" s="3" customFormat="1" ht="13.5" customHeight="1" x14ac:dyDescent="0.15">
      <c r="A785" s="3">
        <v>784</v>
      </c>
      <c r="B785" s="30" t="s">
        <v>613</v>
      </c>
      <c r="C785" s="27" t="s">
        <v>340</v>
      </c>
      <c r="D785" s="28">
        <v>143360</v>
      </c>
      <c r="E785" s="38" t="s">
        <v>2397</v>
      </c>
      <c r="F785" s="36" t="s">
        <v>2398</v>
      </c>
      <c r="G785" s="27">
        <v>2</v>
      </c>
    </row>
    <row r="786" spans="1:46" s="3" customFormat="1" ht="13.5" customHeight="1" x14ac:dyDescent="0.15">
      <c r="A786" s="3">
        <v>785</v>
      </c>
      <c r="B786" s="30" t="s">
        <v>613</v>
      </c>
      <c r="C786" s="35" t="s">
        <v>340</v>
      </c>
      <c r="D786" s="28">
        <v>143420</v>
      </c>
      <c r="E786" s="32" t="s">
        <v>2925</v>
      </c>
      <c r="F786" s="32" t="s">
        <v>2404</v>
      </c>
      <c r="G786" s="27">
        <v>10</v>
      </c>
    </row>
    <row r="787" spans="1:46" s="3" customFormat="1" ht="13.5" customHeight="1" x14ac:dyDescent="0.15">
      <c r="A787" s="3">
        <v>786</v>
      </c>
      <c r="B787" s="30" t="s">
        <v>613</v>
      </c>
      <c r="C787" s="27" t="s">
        <v>2179</v>
      </c>
      <c r="D787" s="28">
        <v>143440</v>
      </c>
      <c r="E787" s="36" t="s">
        <v>2407</v>
      </c>
      <c r="F787" s="32" t="s">
        <v>2408</v>
      </c>
      <c r="G787" s="27">
        <v>12</v>
      </c>
    </row>
    <row r="788" spans="1:46" s="3" customFormat="1" ht="13.5" customHeight="1" x14ac:dyDescent="0.15">
      <c r="A788" s="3">
        <v>787</v>
      </c>
      <c r="B788" s="30" t="s">
        <v>613</v>
      </c>
      <c r="C788" s="27" t="s">
        <v>2493</v>
      </c>
      <c r="D788" s="31">
        <v>143520</v>
      </c>
      <c r="E788" s="32" t="s">
        <v>2540</v>
      </c>
      <c r="F788" s="29" t="s">
        <v>2565</v>
      </c>
      <c r="G788" s="27">
        <v>6</v>
      </c>
    </row>
    <row r="789" spans="1:46" s="3" customFormat="1" ht="13.5" customHeight="1" x14ac:dyDescent="0.15">
      <c r="A789" s="3">
        <v>788</v>
      </c>
      <c r="B789" s="30" t="s">
        <v>613</v>
      </c>
      <c r="C789" s="27" t="s">
        <v>2493</v>
      </c>
      <c r="D789" s="31">
        <v>143560</v>
      </c>
      <c r="E789" s="32" t="s">
        <v>2541</v>
      </c>
      <c r="F789" s="29" t="s">
        <v>2437</v>
      </c>
      <c r="G789" s="27">
        <v>5</v>
      </c>
    </row>
    <row r="790" spans="1:46" s="3" customFormat="1" ht="13.5" customHeight="1" x14ac:dyDescent="0.15">
      <c r="A790" s="3">
        <v>789</v>
      </c>
      <c r="B790" s="30" t="s">
        <v>613</v>
      </c>
      <c r="C790" s="27" t="s">
        <v>340</v>
      </c>
      <c r="D790" s="31">
        <v>143680</v>
      </c>
      <c r="E790" s="32" t="s">
        <v>3105</v>
      </c>
      <c r="F790" s="32" t="s">
        <v>2548</v>
      </c>
      <c r="G790" s="27">
        <v>9</v>
      </c>
    </row>
    <row r="791" spans="1:46" s="3" customFormat="1" ht="13.5" customHeight="1" x14ac:dyDescent="0.15">
      <c r="A791" s="3">
        <v>790</v>
      </c>
      <c r="B791" s="30" t="s">
        <v>613</v>
      </c>
      <c r="C791" s="27" t="s">
        <v>2493</v>
      </c>
      <c r="D791" s="31">
        <v>144060</v>
      </c>
      <c r="E791" s="32" t="s">
        <v>2551</v>
      </c>
      <c r="F791" s="29" t="s">
        <v>2552</v>
      </c>
      <c r="G791" s="27">
        <v>12</v>
      </c>
    </row>
    <row r="792" spans="1:46" s="3" customFormat="1" ht="13.5" customHeight="1" x14ac:dyDescent="0.15">
      <c r="A792" s="3">
        <v>791</v>
      </c>
      <c r="B792" s="30" t="s">
        <v>613</v>
      </c>
      <c r="C792" s="27" t="s">
        <v>2493</v>
      </c>
      <c r="D792" s="31">
        <v>144540</v>
      </c>
      <c r="E792" s="32" t="s">
        <v>2640</v>
      </c>
      <c r="F792" s="29" t="s">
        <v>2639</v>
      </c>
      <c r="G792" s="27">
        <v>10</v>
      </c>
    </row>
    <row r="793" spans="1:46" ht="13.5" customHeight="1" x14ac:dyDescent="0.15">
      <c r="A793" s="3">
        <v>792</v>
      </c>
      <c r="B793" s="30" t="s">
        <v>613</v>
      </c>
      <c r="C793" s="27" t="s">
        <v>340</v>
      </c>
      <c r="D793" s="28">
        <v>144700</v>
      </c>
      <c r="E793" s="29" t="s">
        <v>2646</v>
      </c>
      <c r="F793" s="29" t="s">
        <v>2669</v>
      </c>
      <c r="G793" s="27">
        <v>9</v>
      </c>
      <c r="H793" s="3"/>
      <c r="I793" s="3"/>
      <c r="J793" s="3"/>
      <c r="K793" s="3"/>
      <c r="L793" s="3"/>
      <c r="M793" s="3"/>
      <c r="N793" s="3"/>
      <c r="O793" s="3"/>
      <c r="P793" s="3"/>
      <c r="Q793" s="3"/>
      <c r="R793" s="3"/>
      <c r="S793" s="3"/>
      <c r="T793" s="3"/>
      <c r="U793" s="3"/>
      <c r="V793" s="3"/>
      <c r="W793" s="3"/>
      <c r="X793" s="3"/>
      <c r="Y793" s="3"/>
      <c r="Z793" s="3"/>
      <c r="AA793" s="3"/>
      <c r="AB793" s="3"/>
      <c r="AC793" s="3"/>
      <c r="AD793" s="3"/>
      <c r="AE793" s="3"/>
      <c r="AF793" s="3"/>
      <c r="AG793" s="3"/>
      <c r="AH793" s="3"/>
      <c r="AI793" s="3"/>
      <c r="AJ793" s="3"/>
      <c r="AK793" s="3"/>
      <c r="AL793" s="3"/>
      <c r="AM793" s="3"/>
      <c r="AN793" s="3"/>
      <c r="AO793" s="3"/>
      <c r="AP793" s="3"/>
      <c r="AQ793" s="3"/>
      <c r="AR793" s="3"/>
      <c r="AS793" s="3"/>
      <c r="AT793" s="3"/>
    </row>
    <row r="794" spans="1:46" s="3" customFormat="1" ht="13.5" customHeight="1" x14ac:dyDescent="0.15">
      <c r="A794" s="3">
        <v>793</v>
      </c>
      <c r="B794" s="30" t="s">
        <v>613</v>
      </c>
      <c r="C794" s="27" t="s">
        <v>340</v>
      </c>
      <c r="D794" s="28">
        <v>144800</v>
      </c>
      <c r="E794" s="29" t="s">
        <v>2656</v>
      </c>
      <c r="F794" s="29" t="s">
        <v>2679</v>
      </c>
      <c r="G794" s="27">
        <v>4</v>
      </c>
    </row>
    <row r="795" spans="1:46" s="3" customFormat="1" ht="13.5" customHeight="1" x14ac:dyDescent="0.15">
      <c r="A795" s="3">
        <v>794</v>
      </c>
      <c r="B795" s="30" t="s">
        <v>613</v>
      </c>
      <c r="C795" s="27" t="s">
        <v>340</v>
      </c>
      <c r="D795" s="31">
        <v>144930</v>
      </c>
      <c r="E795" s="29" t="s">
        <v>2700</v>
      </c>
      <c r="F795" s="29" t="s">
        <v>2691</v>
      </c>
      <c r="G795" s="27">
        <v>12</v>
      </c>
    </row>
    <row r="796" spans="1:46" s="3" customFormat="1" ht="13.5" customHeight="1" x14ac:dyDescent="0.15">
      <c r="A796" s="3">
        <v>795</v>
      </c>
      <c r="B796" s="30" t="s">
        <v>613</v>
      </c>
      <c r="C796" s="27" t="s">
        <v>340</v>
      </c>
      <c r="D796" s="28">
        <v>145000</v>
      </c>
      <c r="E796" s="29" t="s">
        <v>2758</v>
      </c>
      <c r="F796" s="40" t="s">
        <v>2748</v>
      </c>
      <c r="G796" s="27">
        <v>12</v>
      </c>
    </row>
    <row r="797" spans="1:46" s="3" customFormat="1" ht="13.5" customHeight="1" x14ac:dyDescent="0.15">
      <c r="A797" s="3">
        <v>796</v>
      </c>
      <c r="B797" s="30" t="s">
        <v>613</v>
      </c>
      <c r="C797" s="27" t="s">
        <v>2858</v>
      </c>
      <c r="D797" s="31">
        <v>145350</v>
      </c>
      <c r="E797" s="29" t="s">
        <v>2834</v>
      </c>
      <c r="F797" s="40" t="s">
        <v>2806</v>
      </c>
      <c r="G797" s="27">
        <v>6</v>
      </c>
    </row>
    <row r="798" spans="1:46" s="3" customFormat="1" ht="13.5" customHeight="1" x14ac:dyDescent="0.15">
      <c r="A798" s="3">
        <v>797</v>
      </c>
      <c r="B798" s="30" t="s">
        <v>613</v>
      </c>
      <c r="C798" s="27" t="s">
        <v>2858</v>
      </c>
      <c r="D798" s="31">
        <v>145410</v>
      </c>
      <c r="E798" s="29" t="s">
        <v>2840</v>
      </c>
      <c r="F798" s="40" t="s">
        <v>2812</v>
      </c>
      <c r="G798" s="27">
        <v>12</v>
      </c>
    </row>
    <row r="799" spans="1:46" s="3" customFormat="1" ht="13.5" customHeight="1" x14ac:dyDescent="0.15">
      <c r="A799" s="3">
        <v>798</v>
      </c>
      <c r="B799" s="30" t="s">
        <v>613</v>
      </c>
      <c r="C799" s="27" t="s">
        <v>340</v>
      </c>
      <c r="D799" s="28">
        <v>145870</v>
      </c>
      <c r="E799" s="40" t="s">
        <v>2971</v>
      </c>
      <c r="F799" s="51" t="s">
        <v>2942</v>
      </c>
      <c r="G799" s="27">
        <v>6</v>
      </c>
      <c r="H799" s="2"/>
      <c r="I799" s="2"/>
      <c r="J799" s="2"/>
      <c r="K799" s="2"/>
      <c r="L799" s="2"/>
      <c r="M799" s="2"/>
      <c r="N799" s="2"/>
      <c r="O799" s="2"/>
      <c r="P799" s="2"/>
      <c r="Q799" s="2"/>
      <c r="R799" s="2"/>
      <c r="S799" s="2"/>
      <c r="T799" s="2"/>
      <c r="U799" s="2"/>
      <c r="V799" s="2"/>
      <c r="W799" s="2"/>
      <c r="X799" s="2"/>
      <c r="Y799" s="2"/>
      <c r="Z799" s="2"/>
      <c r="AA799" s="2"/>
      <c r="AB799" s="2"/>
      <c r="AC799" s="2"/>
      <c r="AD799" s="2"/>
      <c r="AE799" s="2"/>
      <c r="AF799" s="2"/>
      <c r="AG799" s="2"/>
      <c r="AH799" s="2"/>
      <c r="AI799" s="2"/>
      <c r="AJ799" s="2"/>
      <c r="AK799" s="2"/>
      <c r="AL799" s="2"/>
      <c r="AM799" s="2"/>
      <c r="AN799" s="2"/>
      <c r="AO799" s="2"/>
      <c r="AP799" s="2"/>
      <c r="AQ799" s="2"/>
      <c r="AR799" s="2"/>
      <c r="AS799" s="2"/>
      <c r="AT799" s="2"/>
    </row>
    <row r="800" spans="1:46" s="3" customFormat="1" ht="13.5" customHeight="1" x14ac:dyDescent="0.15">
      <c r="A800" s="3">
        <v>799</v>
      </c>
      <c r="B800" s="30" t="s">
        <v>613</v>
      </c>
      <c r="C800" s="27" t="s">
        <v>3211</v>
      </c>
      <c r="D800" s="28">
        <v>146120</v>
      </c>
      <c r="E800" s="40" t="s">
        <v>3212</v>
      </c>
      <c r="F800" s="29" t="s">
        <v>3213</v>
      </c>
      <c r="G800" s="27">
        <v>12</v>
      </c>
      <c r="H800" s="2"/>
      <c r="I800" s="2"/>
      <c r="J800" s="2"/>
      <c r="K800" s="2"/>
      <c r="L800" s="2"/>
      <c r="M800" s="2"/>
      <c r="N800" s="2"/>
      <c r="O800" s="2"/>
      <c r="P800" s="2"/>
      <c r="Q800" s="2"/>
      <c r="R800" s="2"/>
      <c r="S800" s="2"/>
      <c r="T800" s="2"/>
      <c r="U800" s="2"/>
      <c r="V800" s="2"/>
      <c r="W800" s="2"/>
      <c r="X800" s="2"/>
      <c r="Y800" s="2"/>
      <c r="Z800" s="2"/>
      <c r="AA800" s="2"/>
      <c r="AB800" s="2"/>
      <c r="AC800" s="2"/>
      <c r="AD800" s="2"/>
      <c r="AE800" s="2"/>
      <c r="AF800" s="2"/>
      <c r="AG800" s="2"/>
      <c r="AH800" s="2"/>
      <c r="AI800" s="2"/>
      <c r="AJ800" s="2"/>
      <c r="AK800" s="2"/>
      <c r="AL800" s="2"/>
      <c r="AM800" s="2"/>
      <c r="AN800" s="2"/>
      <c r="AO800" s="2"/>
      <c r="AP800" s="2"/>
      <c r="AQ800" s="2"/>
      <c r="AR800" s="2"/>
      <c r="AS800" s="2"/>
      <c r="AT800" s="2"/>
    </row>
    <row r="801" spans="1:46" s="3" customFormat="1" ht="13.5" customHeight="1" x14ac:dyDescent="0.15">
      <c r="A801" s="3">
        <v>800</v>
      </c>
      <c r="B801" s="30" t="s">
        <v>3219</v>
      </c>
      <c r="C801" s="27" t="s">
        <v>3211</v>
      </c>
      <c r="D801" s="28">
        <v>146170</v>
      </c>
      <c r="E801" s="40" t="s">
        <v>3224</v>
      </c>
      <c r="F801" s="29" t="s">
        <v>3225</v>
      </c>
      <c r="G801" s="27">
        <v>1</v>
      </c>
      <c r="H801" s="2"/>
      <c r="I801" s="2"/>
      <c r="J801" s="2"/>
      <c r="K801" s="2"/>
      <c r="L801" s="2"/>
      <c r="M801" s="2"/>
      <c r="N801" s="2"/>
      <c r="O801" s="2"/>
      <c r="P801" s="2"/>
      <c r="Q801" s="2"/>
      <c r="R801" s="2"/>
      <c r="S801" s="2"/>
      <c r="T801" s="2"/>
      <c r="U801" s="2"/>
      <c r="V801" s="2"/>
      <c r="W801" s="2"/>
      <c r="X801" s="2"/>
      <c r="Y801" s="2"/>
      <c r="Z801" s="2"/>
      <c r="AA801" s="2"/>
      <c r="AB801" s="2"/>
      <c r="AC801" s="2"/>
      <c r="AD801" s="2"/>
      <c r="AE801" s="2"/>
      <c r="AF801" s="2"/>
      <c r="AG801" s="2"/>
      <c r="AH801" s="2"/>
      <c r="AI801" s="2"/>
      <c r="AJ801" s="2"/>
      <c r="AK801" s="2"/>
      <c r="AL801" s="2"/>
      <c r="AM801" s="2"/>
      <c r="AN801" s="2"/>
      <c r="AO801" s="2"/>
      <c r="AP801" s="2"/>
      <c r="AQ801" s="2"/>
      <c r="AR801" s="2"/>
      <c r="AS801" s="2"/>
      <c r="AT801" s="2"/>
    </row>
    <row r="802" spans="1:46" s="3" customFormat="1" ht="13.5" customHeight="1" x14ac:dyDescent="0.15">
      <c r="A802" s="3">
        <v>801</v>
      </c>
      <c r="B802" s="30" t="s">
        <v>613</v>
      </c>
      <c r="C802" s="39" t="s">
        <v>340</v>
      </c>
      <c r="D802" s="33">
        <v>146380</v>
      </c>
      <c r="E802" s="40" t="s">
        <v>3136</v>
      </c>
      <c r="F802" s="29" t="s">
        <v>3162</v>
      </c>
      <c r="G802" s="27">
        <v>12</v>
      </c>
    </row>
    <row r="803" spans="1:46" s="3" customFormat="1" ht="13.5" customHeight="1" x14ac:dyDescent="0.15">
      <c r="A803" s="3">
        <v>802</v>
      </c>
      <c r="B803" s="30" t="s">
        <v>613</v>
      </c>
      <c r="C803" s="27" t="s">
        <v>3263</v>
      </c>
      <c r="D803" s="28">
        <v>146790</v>
      </c>
      <c r="E803" s="29" t="s">
        <v>3293</v>
      </c>
      <c r="F803" s="53" t="s">
        <v>3294</v>
      </c>
      <c r="G803" s="27">
        <v>8</v>
      </c>
      <c r="H803" s="2"/>
      <c r="I803" s="2"/>
      <c r="J803" s="2"/>
      <c r="K803" s="2"/>
      <c r="L803" s="2"/>
      <c r="M803" s="2"/>
      <c r="N803" s="2"/>
      <c r="O803" s="2"/>
      <c r="P803" s="2"/>
      <c r="Q803" s="2"/>
      <c r="R803" s="2"/>
      <c r="S803" s="2"/>
      <c r="T803" s="2"/>
      <c r="U803" s="2"/>
      <c r="V803" s="2"/>
      <c r="W803" s="2"/>
      <c r="X803" s="2"/>
      <c r="Y803" s="2"/>
      <c r="Z803" s="2"/>
      <c r="AA803" s="2"/>
      <c r="AB803" s="2"/>
      <c r="AC803" s="2"/>
      <c r="AD803" s="2"/>
      <c r="AE803" s="2"/>
      <c r="AF803" s="2"/>
      <c r="AG803" s="2"/>
      <c r="AH803" s="2"/>
      <c r="AI803" s="2"/>
      <c r="AJ803" s="2"/>
      <c r="AK803" s="2"/>
      <c r="AL803" s="2"/>
      <c r="AM803" s="2"/>
      <c r="AN803" s="2"/>
      <c r="AO803" s="2"/>
      <c r="AP803" s="2"/>
      <c r="AQ803" s="2"/>
      <c r="AR803" s="2"/>
      <c r="AS803" s="2"/>
      <c r="AT803" s="2"/>
    </row>
    <row r="804" spans="1:46" s="3" customFormat="1" ht="13.5" customHeight="1" x14ac:dyDescent="0.15">
      <c r="A804" s="3">
        <v>803</v>
      </c>
      <c r="B804" s="30" t="s">
        <v>613</v>
      </c>
      <c r="C804" s="27" t="s">
        <v>3263</v>
      </c>
      <c r="D804" s="28">
        <v>146950</v>
      </c>
      <c r="E804" s="29" t="s">
        <v>3325</v>
      </c>
      <c r="F804" s="53" t="s">
        <v>3326</v>
      </c>
      <c r="G804" s="27">
        <v>4</v>
      </c>
      <c r="H804" s="2"/>
      <c r="I804" s="2"/>
      <c r="J804" s="2"/>
      <c r="K804" s="2"/>
      <c r="L804" s="2"/>
      <c r="M804" s="2"/>
      <c r="N804" s="2"/>
      <c r="O804" s="2"/>
      <c r="P804" s="2"/>
      <c r="Q804" s="2"/>
      <c r="R804" s="2"/>
      <c r="S804" s="2"/>
      <c r="T804" s="2"/>
      <c r="U804" s="2"/>
      <c r="V804" s="2"/>
      <c r="W804" s="2"/>
      <c r="X804" s="2"/>
      <c r="Y804" s="2"/>
      <c r="Z804" s="2"/>
      <c r="AA804" s="2"/>
      <c r="AB804" s="2"/>
      <c r="AC804" s="2"/>
      <c r="AD804" s="2"/>
      <c r="AE804" s="2"/>
      <c r="AF804" s="2"/>
      <c r="AG804" s="2"/>
      <c r="AH804" s="2"/>
      <c r="AI804" s="2"/>
      <c r="AJ804" s="2"/>
      <c r="AK804" s="2"/>
      <c r="AL804" s="2"/>
      <c r="AM804" s="2"/>
      <c r="AN804" s="2"/>
      <c r="AO804" s="2"/>
      <c r="AP804" s="2"/>
      <c r="AQ804" s="2"/>
      <c r="AR804" s="2"/>
      <c r="AS804" s="2"/>
      <c r="AT804" s="2"/>
    </row>
    <row r="805" spans="1:46" s="3" customFormat="1" ht="13.5" customHeight="1" x14ac:dyDescent="0.15">
      <c r="A805" s="3">
        <v>804</v>
      </c>
      <c r="B805" s="30" t="s">
        <v>613</v>
      </c>
      <c r="C805" s="27" t="s">
        <v>3263</v>
      </c>
      <c r="D805" s="28">
        <v>146960</v>
      </c>
      <c r="E805" s="29" t="s">
        <v>3327</v>
      </c>
      <c r="F805" s="53" t="s">
        <v>3328</v>
      </c>
      <c r="G805" s="27">
        <v>1</v>
      </c>
      <c r="H805" s="2"/>
      <c r="I805" s="2"/>
      <c r="J805" s="2"/>
      <c r="K805" s="2"/>
      <c r="L805" s="2"/>
      <c r="M805" s="2"/>
      <c r="N805" s="2"/>
      <c r="O805" s="2"/>
      <c r="P805" s="2"/>
      <c r="Q805" s="2"/>
      <c r="R805" s="2"/>
      <c r="S805" s="2"/>
      <c r="T805" s="2"/>
      <c r="U805" s="2"/>
      <c r="V805" s="2"/>
      <c r="W805" s="2"/>
      <c r="X805" s="2"/>
      <c r="Y805" s="2"/>
      <c r="Z805" s="2"/>
      <c r="AA805" s="2"/>
      <c r="AB805" s="2"/>
      <c r="AC805" s="2"/>
      <c r="AD805" s="2"/>
      <c r="AE805" s="2"/>
      <c r="AF805" s="2"/>
      <c r="AG805" s="2"/>
      <c r="AH805" s="2"/>
      <c r="AI805" s="2"/>
      <c r="AJ805" s="2"/>
      <c r="AK805" s="2"/>
      <c r="AL805" s="2"/>
      <c r="AM805" s="2"/>
      <c r="AN805" s="2"/>
      <c r="AO805" s="2"/>
      <c r="AP805" s="2"/>
      <c r="AQ805" s="2"/>
      <c r="AR805" s="2"/>
      <c r="AS805" s="2"/>
      <c r="AT805" s="2"/>
    </row>
    <row r="806" spans="1:46" s="3" customFormat="1" ht="13.5" customHeight="1" x14ac:dyDescent="0.15">
      <c r="A806" s="3">
        <v>805</v>
      </c>
      <c r="B806" s="30" t="s">
        <v>613</v>
      </c>
      <c r="C806" s="27" t="s">
        <v>3361</v>
      </c>
      <c r="D806" s="28">
        <v>147030</v>
      </c>
      <c r="E806" s="29" t="s">
        <v>3363</v>
      </c>
      <c r="F806" s="29" t="s">
        <v>3362</v>
      </c>
      <c r="G806" s="27">
        <v>3</v>
      </c>
      <c r="H806" s="2"/>
      <c r="I806" s="2"/>
      <c r="J806" s="2"/>
      <c r="K806" s="2"/>
      <c r="L806" s="2"/>
      <c r="M806" s="2"/>
      <c r="N806" s="2"/>
      <c r="O806" s="2"/>
      <c r="P806" s="2"/>
      <c r="Q806" s="2"/>
      <c r="R806" s="2"/>
      <c r="S806" s="2"/>
      <c r="T806" s="2"/>
      <c r="U806" s="2"/>
      <c r="V806" s="2"/>
      <c r="W806" s="2"/>
      <c r="X806" s="2"/>
      <c r="Y806" s="2"/>
      <c r="Z806" s="2"/>
      <c r="AA806" s="2"/>
      <c r="AB806" s="2"/>
      <c r="AC806" s="2"/>
      <c r="AD806" s="2"/>
      <c r="AE806" s="2"/>
      <c r="AF806" s="2"/>
      <c r="AG806" s="2"/>
      <c r="AH806" s="2"/>
      <c r="AI806" s="2"/>
      <c r="AJ806" s="2"/>
      <c r="AK806" s="2"/>
      <c r="AL806" s="2"/>
      <c r="AM806" s="2"/>
      <c r="AN806" s="2"/>
      <c r="AO806" s="2"/>
      <c r="AP806" s="2"/>
      <c r="AQ806" s="2"/>
      <c r="AR806" s="2"/>
      <c r="AS806" s="2"/>
      <c r="AT806" s="2"/>
    </row>
    <row r="807" spans="1:46" s="3" customFormat="1" ht="13.5" customHeight="1" x14ac:dyDescent="0.15">
      <c r="A807" s="3">
        <v>806</v>
      </c>
      <c r="B807" s="30" t="s">
        <v>613</v>
      </c>
      <c r="C807" s="27" t="s">
        <v>3420</v>
      </c>
      <c r="D807" s="28">
        <v>147250</v>
      </c>
      <c r="E807" s="29" t="s">
        <v>3386</v>
      </c>
      <c r="F807" s="29" t="s">
        <v>3407</v>
      </c>
      <c r="G807" s="27">
        <v>7</v>
      </c>
      <c r="H807" s="2"/>
      <c r="I807" s="2"/>
      <c r="J807" s="2"/>
      <c r="K807" s="2"/>
      <c r="L807" s="2"/>
      <c r="M807" s="2"/>
      <c r="N807" s="2"/>
      <c r="O807" s="2"/>
      <c r="P807" s="2"/>
      <c r="Q807" s="2"/>
      <c r="R807" s="2"/>
      <c r="S807" s="2"/>
      <c r="T807" s="2"/>
      <c r="U807" s="2"/>
      <c r="V807" s="2"/>
      <c r="W807" s="2"/>
      <c r="X807" s="2"/>
      <c r="Y807" s="2"/>
      <c r="Z807" s="2"/>
      <c r="AA807" s="2"/>
      <c r="AB807" s="2"/>
      <c r="AC807" s="2"/>
      <c r="AD807" s="2"/>
      <c r="AE807" s="2"/>
      <c r="AF807" s="2"/>
      <c r="AG807" s="2"/>
      <c r="AH807" s="2"/>
      <c r="AI807" s="2"/>
      <c r="AJ807" s="2"/>
      <c r="AK807" s="2"/>
      <c r="AL807" s="2"/>
      <c r="AM807" s="2"/>
      <c r="AN807" s="2"/>
      <c r="AO807" s="2"/>
      <c r="AP807" s="2"/>
      <c r="AQ807" s="2"/>
      <c r="AR807" s="2"/>
      <c r="AS807" s="2"/>
      <c r="AT807" s="2"/>
    </row>
    <row r="808" spans="1:46" s="3" customFormat="1" ht="13.5" customHeight="1" x14ac:dyDescent="0.15">
      <c r="A808" s="3">
        <v>807</v>
      </c>
      <c r="B808" s="30" t="s">
        <v>613</v>
      </c>
      <c r="C808" s="27" t="s">
        <v>3470</v>
      </c>
      <c r="D808" s="28">
        <v>147360</v>
      </c>
      <c r="E808" s="29" t="s">
        <v>3441</v>
      </c>
      <c r="F808" s="29" t="s">
        <v>3469</v>
      </c>
      <c r="G808" s="27">
        <v>3</v>
      </c>
      <c r="H808" s="2"/>
      <c r="I808" s="2"/>
      <c r="J808" s="2"/>
      <c r="K808" s="2"/>
      <c r="L808" s="2"/>
      <c r="M808" s="2"/>
      <c r="N808" s="2"/>
      <c r="O808" s="2"/>
      <c r="P808" s="2"/>
      <c r="Q808" s="2"/>
      <c r="R808" s="2"/>
      <c r="S808" s="2"/>
      <c r="T808" s="2"/>
      <c r="U808" s="2"/>
      <c r="V808" s="2"/>
      <c r="W808" s="2"/>
      <c r="X808" s="2"/>
      <c r="Y808" s="2"/>
      <c r="Z808" s="2"/>
      <c r="AA808" s="2"/>
      <c r="AB808" s="2"/>
      <c r="AC808" s="2"/>
      <c r="AD808" s="2"/>
      <c r="AE808" s="2"/>
      <c r="AF808" s="2"/>
      <c r="AG808" s="2"/>
      <c r="AH808" s="2"/>
      <c r="AI808" s="2"/>
      <c r="AJ808" s="2"/>
      <c r="AK808" s="2"/>
      <c r="AL808" s="2"/>
      <c r="AM808" s="2"/>
      <c r="AN808" s="2"/>
      <c r="AO808" s="2"/>
      <c r="AP808" s="2"/>
      <c r="AQ808" s="2"/>
      <c r="AR808" s="2"/>
      <c r="AS808" s="2"/>
      <c r="AT808" s="2"/>
    </row>
    <row r="809" spans="1:46" s="3" customFormat="1" ht="13.5" customHeight="1" x14ac:dyDescent="0.15">
      <c r="A809" s="3">
        <v>808</v>
      </c>
      <c r="B809" s="30" t="s">
        <v>613</v>
      </c>
      <c r="C809" s="27" t="s">
        <v>3263</v>
      </c>
      <c r="D809" s="28">
        <v>147400</v>
      </c>
      <c r="E809" s="29" t="s">
        <v>3445</v>
      </c>
      <c r="F809" s="29" t="s">
        <v>3476</v>
      </c>
      <c r="G809" s="27">
        <v>3</v>
      </c>
      <c r="H809" s="2"/>
      <c r="I809" s="2"/>
      <c r="J809" s="2"/>
      <c r="K809" s="2"/>
      <c r="L809" s="2"/>
      <c r="M809" s="2"/>
      <c r="N809" s="2"/>
      <c r="O809" s="2"/>
      <c r="P809" s="2"/>
      <c r="Q809" s="2"/>
      <c r="R809" s="2"/>
      <c r="S809" s="2"/>
      <c r="T809" s="2"/>
      <c r="U809" s="2"/>
      <c r="V809" s="2"/>
      <c r="W809" s="2"/>
      <c r="X809" s="2"/>
      <c r="Y809" s="2"/>
      <c r="Z809" s="2"/>
      <c r="AA809" s="2"/>
      <c r="AB809" s="2"/>
      <c r="AC809" s="2"/>
      <c r="AD809" s="2"/>
      <c r="AE809" s="2"/>
      <c r="AF809" s="2"/>
      <c r="AG809" s="2"/>
      <c r="AH809" s="2"/>
      <c r="AI809" s="2"/>
      <c r="AJ809" s="2"/>
      <c r="AK809" s="2"/>
      <c r="AL809" s="2"/>
      <c r="AM809" s="2"/>
      <c r="AN809" s="2"/>
      <c r="AO809" s="2"/>
      <c r="AP809" s="2"/>
      <c r="AQ809" s="2"/>
      <c r="AR809" s="2"/>
      <c r="AS809" s="2"/>
      <c r="AT809" s="2"/>
    </row>
    <row r="810" spans="1:46" s="3" customFormat="1" ht="13.5" customHeight="1" x14ac:dyDescent="0.15">
      <c r="A810" s="3">
        <v>809</v>
      </c>
      <c r="B810" s="30" t="s">
        <v>613</v>
      </c>
      <c r="C810" s="27" t="s">
        <v>983</v>
      </c>
      <c r="D810" s="31">
        <v>341</v>
      </c>
      <c r="E810" s="32" t="s">
        <v>1572</v>
      </c>
      <c r="F810" s="32" t="s">
        <v>1267</v>
      </c>
      <c r="G810" s="27">
        <v>12</v>
      </c>
    </row>
    <row r="811" spans="1:46" s="3" customFormat="1" ht="13.5" customHeight="1" x14ac:dyDescent="0.15">
      <c r="A811" s="3">
        <v>810</v>
      </c>
      <c r="B811" s="26" t="s">
        <v>1051</v>
      </c>
      <c r="C811" s="27" t="s">
        <v>983</v>
      </c>
      <c r="D811" s="28">
        <v>921</v>
      </c>
      <c r="E811" s="29" t="s">
        <v>2709</v>
      </c>
      <c r="F811" s="29" t="s">
        <v>2789</v>
      </c>
      <c r="G811" s="27">
        <v>12</v>
      </c>
      <c r="H811" s="2"/>
      <c r="I811" s="2"/>
      <c r="J811" s="2"/>
      <c r="K811" s="2"/>
      <c r="L811" s="2"/>
      <c r="M811" s="2"/>
      <c r="N811" s="2"/>
      <c r="O811" s="2"/>
      <c r="P811" s="2"/>
      <c r="Q811" s="2"/>
      <c r="R811" s="2"/>
      <c r="S811" s="2"/>
      <c r="T811" s="2"/>
      <c r="U811" s="2"/>
      <c r="V811" s="2"/>
      <c r="W811" s="2"/>
      <c r="X811" s="2"/>
      <c r="Y811" s="2"/>
      <c r="Z811" s="2"/>
      <c r="AA811" s="2"/>
      <c r="AB811" s="2"/>
      <c r="AC811" s="2"/>
      <c r="AD811" s="2"/>
      <c r="AE811" s="2"/>
      <c r="AF811" s="2"/>
      <c r="AG811" s="2"/>
      <c r="AH811" s="2"/>
      <c r="AI811" s="2"/>
      <c r="AJ811" s="2"/>
      <c r="AK811" s="2"/>
      <c r="AL811" s="2"/>
      <c r="AM811" s="2"/>
      <c r="AN811" s="2"/>
      <c r="AO811" s="2"/>
      <c r="AP811" s="2"/>
      <c r="AQ811" s="2"/>
      <c r="AR811" s="2"/>
      <c r="AS811" s="2"/>
      <c r="AT811" s="2"/>
    </row>
    <row r="812" spans="1:46" s="3" customFormat="1" ht="13.5" customHeight="1" x14ac:dyDescent="0.15">
      <c r="A812" s="3">
        <v>811</v>
      </c>
      <c r="B812" s="30" t="s">
        <v>613</v>
      </c>
      <c r="C812" s="27" t="s">
        <v>1068</v>
      </c>
      <c r="D812" s="28">
        <v>3150</v>
      </c>
      <c r="E812" s="32" t="s">
        <v>991</v>
      </c>
      <c r="F812" s="32" t="s">
        <v>128</v>
      </c>
      <c r="G812" s="27">
        <v>3</v>
      </c>
    </row>
    <row r="813" spans="1:46" s="3" customFormat="1" ht="13.5" customHeight="1" x14ac:dyDescent="0.15">
      <c r="A813" s="3">
        <v>812</v>
      </c>
      <c r="B813" s="30" t="s">
        <v>613</v>
      </c>
      <c r="C813" s="27" t="s">
        <v>983</v>
      </c>
      <c r="D813" s="31">
        <v>3590</v>
      </c>
      <c r="E813" s="32" t="s">
        <v>1288</v>
      </c>
      <c r="F813" s="32" t="s">
        <v>954</v>
      </c>
      <c r="G813" s="27">
        <v>12</v>
      </c>
    </row>
    <row r="814" spans="1:46" s="3" customFormat="1" ht="13.5" customHeight="1" x14ac:dyDescent="0.15">
      <c r="A814" s="3">
        <v>813</v>
      </c>
      <c r="B814" s="30" t="s">
        <v>613</v>
      </c>
      <c r="C814" s="27" t="s">
        <v>983</v>
      </c>
      <c r="D814" s="31">
        <v>4320</v>
      </c>
      <c r="E814" s="32" t="s">
        <v>1514</v>
      </c>
      <c r="F814" s="32" t="s">
        <v>1199</v>
      </c>
      <c r="G814" s="27">
        <v>6</v>
      </c>
    </row>
    <row r="815" spans="1:46" s="3" customFormat="1" ht="13.5" customHeight="1" x14ac:dyDescent="0.15">
      <c r="A815" s="3">
        <v>814</v>
      </c>
      <c r="B815" s="30" t="s">
        <v>613</v>
      </c>
      <c r="C815" s="27" t="s">
        <v>983</v>
      </c>
      <c r="D815" s="31">
        <v>4940</v>
      </c>
      <c r="E815" s="32" t="s">
        <v>1538</v>
      </c>
      <c r="F815" s="32" t="s">
        <v>131</v>
      </c>
      <c r="G815" s="27">
        <v>6</v>
      </c>
    </row>
    <row r="816" spans="1:46" s="3" customFormat="1" ht="13.5" customHeight="1" x14ac:dyDescent="0.15">
      <c r="A816" s="3">
        <v>815</v>
      </c>
      <c r="B816" s="30" t="s">
        <v>613</v>
      </c>
      <c r="C816" s="27" t="s">
        <v>983</v>
      </c>
      <c r="D816" s="31">
        <v>4990</v>
      </c>
      <c r="E816" s="32" t="s">
        <v>1233</v>
      </c>
      <c r="F816" s="32" t="s">
        <v>2254</v>
      </c>
      <c r="G816" s="27">
        <v>11</v>
      </c>
    </row>
    <row r="817" spans="1:7" s="3" customFormat="1" ht="13.5" customHeight="1" x14ac:dyDescent="0.15">
      <c r="A817" s="3">
        <v>816</v>
      </c>
      <c r="B817" s="30" t="s">
        <v>613</v>
      </c>
      <c r="C817" s="27" t="s">
        <v>983</v>
      </c>
      <c r="D817" s="31">
        <v>5870</v>
      </c>
      <c r="E817" s="32" t="s">
        <v>580</v>
      </c>
      <c r="F817" s="32" t="s">
        <v>1078</v>
      </c>
      <c r="G817" s="27">
        <v>8</v>
      </c>
    </row>
    <row r="818" spans="1:7" s="3" customFormat="1" ht="13.5" customHeight="1" x14ac:dyDescent="0.15">
      <c r="A818" s="3">
        <v>817</v>
      </c>
      <c r="B818" s="30" t="s">
        <v>613</v>
      </c>
      <c r="C818" s="27" t="s">
        <v>983</v>
      </c>
      <c r="D818" s="31">
        <v>6910</v>
      </c>
      <c r="E818" s="32" t="s">
        <v>165</v>
      </c>
      <c r="F818" s="32" t="s">
        <v>637</v>
      </c>
      <c r="G818" s="27">
        <v>5</v>
      </c>
    </row>
    <row r="819" spans="1:7" s="3" customFormat="1" ht="13.5" customHeight="1" x14ac:dyDescent="0.15">
      <c r="A819" s="3">
        <v>818</v>
      </c>
      <c r="B819" s="30" t="s">
        <v>613</v>
      </c>
      <c r="C819" s="27" t="s">
        <v>983</v>
      </c>
      <c r="D819" s="31">
        <v>9110</v>
      </c>
      <c r="E819" s="32" t="s">
        <v>896</v>
      </c>
      <c r="F819" s="32" t="s">
        <v>179</v>
      </c>
      <c r="G819" s="27">
        <v>4</v>
      </c>
    </row>
    <row r="820" spans="1:7" s="3" customFormat="1" ht="13.5" customHeight="1" x14ac:dyDescent="0.15">
      <c r="A820" s="3">
        <v>819</v>
      </c>
      <c r="B820" s="30" t="s">
        <v>613</v>
      </c>
      <c r="C820" s="27" t="s">
        <v>983</v>
      </c>
      <c r="D820" s="31">
        <v>9160</v>
      </c>
      <c r="E820" s="32" t="s">
        <v>3430</v>
      </c>
      <c r="F820" s="32" t="s">
        <v>1465</v>
      </c>
      <c r="G820" s="27">
        <v>12</v>
      </c>
    </row>
    <row r="821" spans="1:7" s="3" customFormat="1" ht="13.5" customHeight="1" x14ac:dyDescent="0.15">
      <c r="A821" s="3">
        <v>820</v>
      </c>
      <c r="B821" s="30" t="s">
        <v>613</v>
      </c>
      <c r="C821" s="27" t="s">
        <v>983</v>
      </c>
      <c r="D821" s="31">
        <v>9860</v>
      </c>
      <c r="E821" s="32" t="s">
        <v>2077</v>
      </c>
      <c r="F821" s="32" t="s">
        <v>1198</v>
      </c>
      <c r="G821" s="27">
        <v>5</v>
      </c>
    </row>
    <row r="822" spans="1:7" s="3" customFormat="1" ht="13.5" customHeight="1" x14ac:dyDescent="0.15">
      <c r="A822" s="3">
        <v>821</v>
      </c>
      <c r="B822" s="30" t="s">
        <v>613</v>
      </c>
      <c r="C822" s="27" t="s">
        <v>983</v>
      </c>
      <c r="D822" s="31">
        <v>10510</v>
      </c>
      <c r="E822" s="32" t="s">
        <v>790</v>
      </c>
      <c r="F822" s="32" t="s">
        <v>133</v>
      </c>
      <c r="G822" s="27">
        <v>5</v>
      </c>
    </row>
    <row r="823" spans="1:7" s="3" customFormat="1" ht="13.5" customHeight="1" x14ac:dyDescent="0.15">
      <c r="A823" s="3">
        <v>822</v>
      </c>
      <c r="B823" s="30" t="s">
        <v>613</v>
      </c>
      <c r="C823" s="27" t="s">
        <v>983</v>
      </c>
      <c r="D823" s="31">
        <v>11210</v>
      </c>
      <c r="E823" s="32" t="s">
        <v>2871</v>
      </c>
      <c r="F823" s="32" t="s">
        <v>130</v>
      </c>
      <c r="G823" s="27">
        <v>12</v>
      </c>
    </row>
    <row r="824" spans="1:7" s="3" customFormat="1" ht="13.5" customHeight="1" x14ac:dyDescent="0.15">
      <c r="A824" s="3">
        <v>823</v>
      </c>
      <c r="B824" s="30" t="s">
        <v>613</v>
      </c>
      <c r="C824" s="27" t="s">
        <v>983</v>
      </c>
      <c r="D824" s="31">
        <v>11430</v>
      </c>
      <c r="E824" s="32" t="s">
        <v>2359</v>
      </c>
      <c r="F824" s="32" t="s">
        <v>971</v>
      </c>
      <c r="G824" s="27">
        <v>6</v>
      </c>
    </row>
    <row r="825" spans="1:7" s="3" customFormat="1" ht="13.5" customHeight="1" x14ac:dyDescent="0.15">
      <c r="A825" s="3">
        <v>824</v>
      </c>
      <c r="B825" s="30" t="s">
        <v>613</v>
      </c>
      <c r="C825" s="27" t="s">
        <v>983</v>
      </c>
      <c r="D825" s="31">
        <v>13370</v>
      </c>
      <c r="E825" s="32" t="s">
        <v>1467</v>
      </c>
      <c r="F825" s="32" t="s">
        <v>702</v>
      </c>
      <c r="G825" s="27">
        <v>12</v>
      </c>
    </row>
    <row r="826" spans="1:7" s="3" customFormat="1" ht="13.5" customHeight="1" x14ac:dyDescent="0.15">
      <c r="A826" s="3">
        <v>825</v>
      </c>
      <c r="B826" s="30" t="s">
        <v>613</v>
      </c>
      <c r="C826" s="27" t="s">
        <v>983</v>
      </c>
      <c r="D826" s="31">
        <v>14440</v>
      </c>
      <c r="E826" s="32" t="s">
        <v>142</v>
      </c>
      <c r="F826" s="32" t="s">
        <v>1079</v>
      </c>
      <c r="G826" s="27">
        <v>7</v>
      </c>
    </row>
    <row r="827" spans="1:7" s="3" customFormat="1" ht="13.5" customHeight="1" x14ac:dyDescent="0.15">
      <c r="A827" s="3">
        <v>826</v>
      </c>
      <c r="B827" s="30" t="s">
        <v>613</v>
      </c>
      <c r="C827" s="27" t="s">
        <v>983</v>
      </c>
      <c r="D827" s="31">
        <v>15230</v>
      </c>
      <c r="E827" s="32" t="s">
        <v>1495</v>
      </c>
      <c r="F827" s="32" t="s">
        <v>60</v>
      </c>
      <c r="G827" s="27">
        <v>6</v>
      </c>
    </row>
    <row r="828" spans="1:7" s="3" customFormat="1" ht="13.5" customHeight="1" x14ac:dyDescent="0.15">
      <c r="A828" s="3">
        <v>827</v>
      </c>
      <c r="B828" s="30" t="s">
        <v>613</v>
      </c>
      <c r="C828" s="27" t="s">
        <v>983</v>
      </c>
      <c r="D828" s="31">
        <v>15690</v>
      </c>
      <c r="E828" s="32" t="s">
        <v>619</v>
      </c>
      <c r="F828" s="32" t="s">
        <v>1007</v>
      </c>
      <c r="G828" s="27">
        <v>6</v>
      </c>
    </row>
    <row r="829" spans="1:7" s="3" customFormat="1" ht="13.5" customHeight="1" x14ac:dyDescent="0.15">
      <c r="A829" s="3">
        <v>828</v>
      </c>
      <c r="B829" s="30" t="s">
        <v>613</v>
      </c>
      <c r="C829" s="27" t="s">
        <v>983</v>
      </c>
      <c r="D829" s="31">
        <v>16230</v>
      </c>
      <c r="E829" s="32" t="s">
        <v>2443</v>
      </c>
      <c r="F829" s="32" t="s">
        <v>61</v>
      </c>
      <c r="G829" s="27">
        <v>6</v>
      </c>
    </row>
    <row r="830" spans="1:7" s="3" customFormat="1" ht="13.5" customHeight="1" x14ac:dyDescent="0.15">
      <c r="A830" s="3">
        <v>829</v>
      </c>
      <c r="B830" s="30" t="s">
        <v>613</v>
      </c>
      <c r="C830" s="27" t="s">
        <v>983</v>
      </c>
      <c r="D830" s="31">
        <v>18930</v>
      </c>
      <c r="E830" s="32" t="s">
        <v>494</v>
      </c>
      <c r="F830" s="32" t="s">
        <v>582</v>
      </c>
      <c r="G830" s="27">
        <v>8</v>
      </c>
    </row>
    <row r="831" spans="1:7" s="3" customFormat="1" ht="13.5" customHeight="1" x14ac:dyDescent="0.15">
      <c r="A831" s="3">
        <v>830</v>
      </c>
      <c r="B831" s="30" t="s">
        <v>613</v>
      </c>
      <c r="C831" s="27" t="s">
        <v>983</v>
      </c>
      <c r="D831" s="31">
        <v>19060</v>
      </c>
      <c r="E831" s="32" t="s">
        <v>2105</v>
      </c>
      <c r="F831" s="32" t="s">
        <v>129</v>
      </c>
      <c r="G831" s="27">
        <v>6</v>
      </c>
    </row>
    <row r="832" spans="1:7" s="3" customFormat="1" ht="13.5" customHeight="1" x14ac:dyDescent="0.15">
      <c r="A832" s="3">
        <v>831</v>
      </c>
      <c r="B832" s="30" t="s">
        <v>613</v>
      </c>
      <c r="C832" s="27" t="s">
        <v>983</v>
      </c>
      <c r="D832" s="31">
        <v>19120</v>
      </c>
      <c r="E832" s="32" t="s">
        <v>1393</v>
      </c>
      <c r="F832" s="32" t="s">
        <v>183</v>
      </c>
      <c r="G832" s="27">
        <v>8</v>
      </c>
    </row>
    <row r="833" spans="1:46" s="3" customFormat="1" ht="13.5" customHeight="1" x14ac:dyDescent="0.15">
      <c r="A833" s="3">
        <v>832</v>
      </c>
      <c r="B833" s="30" t="s">
        <v>613</v>
      </c>
      <c r="C833" s="27" t="s">
        <v>983</v>
      </c>
      <c r="D833" s="31">
        <v>19520</v>
      </c>
      <c r="E833" s="32" t="s">
        <v>2729</v>
      </c>
      <c r="F833" s="32" t="s">
        <v>1466</v>
      </c>
      <c r="G833" s="27">
        <v>2</v>
      </c>
    </row>
    <row r="834" spans="1:46" s="3" customFormat="1" ht="13.5" customHeight="1" x14ac:dyDescent="0.15">
      <c r="A834" s="3">
        <v>833</v>
      </c>
      <c r="B834" s="30" t="s">
        <v>613</v>
      </c>
      <c r="C834" s="27" t="s">
        <v>983</v>
      </c>
      <c r="D834" s="31">
        <v>19630</v>
      </c>
      <c r="E834" s="32" t="s">
        <v>849</v>
      </c>
      <c r="F834" s="32" t="s">
        <v>1080</v>
      </c>
      <c r="G834" s="27">
        <v>6</v>
      </c>
    </row>
    <row r="835" spans="1:46" s="3" customFormat="1" ht="13.5" customHeight="1" x14ac:dyDescent="0.15">
      <c r="A835" s="3">
        <v>834</v>
      </c>
      <c r="B835" s="30" t="s">
        <v>613</v>
      </c>
      <c r="C835" s="27" t="s">
        <v>983</v>
      </c>
      <c r="D835" s="31">
        <v>20740</v>
      </c>
      <c r="E835" s="32" t="s">
        <v>1141</v>
      </c>
      <c r="F835" s="32" t="s">
        <v>710</v>
      </c>
      <c r="G835" s="27">
        <v>8</v>
      </c>
    </row>
    <row r="836" spans="1:46" s="3" customFormat="1" ht="13.5" customHeight="1" x14ac:dyDescent="0.15">
      <c r="A836" s="3">
        <v>835</v>
      </c>
      <c r="B836" s="30" t="s">
        <v>613</v>
      </c>
      <c r="C836" s="27" t="s">
        <v>983</v>
      </c>
      <c r="D836" s="31">
        <v>21790</v>
      </c>
      <c r="E836" s="32" t="s">
        <v>2426</v>
      </c>
      <c r="F836" s="32" t="s">
        <v>583</v>
      </c>
      <c r="G836" s="27">
        <v>12</v>
      </c>
    </row>
    <row r="837" spans="1:46" s="3" customFormat="1" ht="13.5" customHeight="1" x14ac:dyDescent="0.15">
      <c r="A837" s="3">
        <v>836</v>
      </c>
      <c r="B837" s="30" t="s">
        <v>613</v>
      </c>
      <c r="C837" s="27" t="s">
        <v>983</v>
      </c>
      <c r="D837" s="31">
        <v>24590</v>
      </c>
      <c r="E837" s="32" t="s">
        <v>1637</v>
      </c>
      <c r="F837" s="32" t="s">
        <v>709</v>
      </c>
      <c r="G837" s="27">
        <v>12</v>
      </c>
    </row>
    <row r="838" spans="1:46" s="3" customFormat="1" ht="13.5" customHeight="1" x14ac:dyDescent="0.15">
      <c r="A838" s="3">
        <v>837</v>
      </c>
      <c r="B838" s="30" t="s">
        <v>613</v>
      </c>
      <c r="C838" s="27" t="s">
        <v>983</v>
      </c>
      <c r="D838" s="31">
        <v>25190</v>
      </c>
      <c r="E838" s="32" t="s">
        <v>1054</v>
      </c>
      <c r="F838" s="32" t="s">
        <v>1464</v>
      </c>
      <c r="G838" s="27">
        <v>6</v>
      </c>
    </row>
    <row r="839" spans="1:46" s="3" customFormat="1" ht="13.5" customHeight="1" x14ac:dyDescent="0.15">
      <c r="A839" s="3">
        <v>838</v>
      </c>
      <c r="B839" s="30" t="s">
        <v>613</v>
      </c>
      <c r="C839" s="27" t="s">
        <v>983</v>
      </c>
      <c r="D839" s="31">
        <v>25540</v>
      </c>
      <c r="E839" s="32" t="s">
        <v>134</v>
      </c>
      <c r="F839" s="32" t="s">
        <v>1462</v>
      </c>
      <c r="G839" s="27">
        <v>6</v>
      </c>
    </row>
    <row r="840" spans="1:46" s="3" customFormat="1" ht="13.5" customHeight="1" x14ac:dyDescent="0.15">
      <c r="A840" s="3">
        <v>839</v>
      </c>
      <c r="B840" s="30" t="s">
        <v>613</v>
      </c>
      <c r="C840" s="27" t="s">
        <v>983</v>
      </c>
      <c r="D840" s="31">
        <v>26710</v>
      </c>
      <c r="E840" s="32" t="s">
        <v>2998</v>
      </c>
      <c r="F840" s="32" t="s">
        <v>2444</v>
      </c>
      <c r="G840" s="27">
        <v>6</v>
      </c>
    </row>
    <row r="841" spans="1:46" s="3" customFormat="1" ht="13.5" customHeight="1" x14ac:dyDescent="0.15">
      <c r="A841" s="3">
        <v>840</v>
      </c>
      <c r="B841" s="30" t="s">
        <v>613</v>
      </c>
      <c r="C841" s="27" t="s">
        <v>983</v>
      </c>
      <c r="D841" s="31">
        <v>27300</v>
      </c>
      <c r="E841" s="32" t="s">
        <v>152</v>
      </c>
      <c r="F841" s="32" t="s">
        <v>2252</v>
      </c>
      <c r="G841" s="27">
        <v>12</v>
      </c>
    </row>
    <row r="842" spans="1:46" s="3" customFormat="1" ht="13.5" customHeight="1" x14ac:dyDescent="0.15">
      <c r="A842" s="3">
        <v>841</v>
      </c>
      <c r="B842" s="30" t="s">
        <v>613</v>
      </c>
      <c r="C842" s="27" t="s">
        <v>983</v>
      </c>
      <c r="D842" s="31">
        <v>27840</v>
      </c>
      <c r="E842" s="32" t="s">
        <v>287</v>
      </c>
      <c r="F842" s="32" t="s">
        <v>2251</v>
      </c>
      <c r="G842" s="27">
        <v>5</v>
      </c>
    </row>
    <row r="843" spans="1:46" s="3" customFormat="1" ht="13.5" customHeight="1" x14ac:dyDescent="0.15">
      <c r="A843" s="3">
        <v>842</v>
      </c>
      <c r="B843" s="30" t="s">
        <v>613</v>
      </c>
      <c r="C843" s="27" t="s">
        <v>983</v>
      </c>
      <c r="D843" s="31">
        <v>27930</v>
      </c>
      <c r="E843" s="32" t="s">
        <v>777</v>
      </c>
      <c r="F843" s="32" t="s">
        <v>285</v>
      </c>
      <c r="G843" s="27">
        <v>8</v>
      </c>
    </row>
    <row r="844" spans="1:46" s="3" customFormat="1" ht="13.5" customHeight="1" x14ac:dyDescent="0.15">
      <c r="A844" s="3">
        <v>843</v>
      </c>
      <c r="B844" s="30" t="s">
        <v>613</v>
      </c>
      <c r="C844" s="27" t="s">
        <v>983</v>
      </c>
      <c r="D844" s="31">
        <v>28550</v>
      </c>
      <c r="E844" s="32" t="s">
        <v>163</v>
      </c>
      <c r="F844" s="32" t="s">
        <v>614</v>
      </c>
      <c r="G844" s="27">
        <v>12</v>
      </c>
    </row>
    <row r="845" spans="1:46" s="3" customFormat="1" ht="13.5" customHeight="1" x14ac:dyDescent="0.15">
      <c r="A845" s="3">
        <v>844</v>
      </c>
      <c r="B845" s="30" t="s">
        <v>613</v>
      </c>
      <c r="C845" s="27" t="s">
        <v>983</v>
      </c>
      <c r="D845" s="31">
        <v>29470</v>
      </c>
      <c r="E845" s="32" t="s">
        <v>2055</v>
      </c>
      <c r="F845" s="32" t="s">
        <v>62</v>
      </c>
      <c r="G845" s="27">
        <v>6</v>
      </c>
    </row>
    <row r="846" spans="1:46" s="3" customFormat="1" ht="13.5" customHeight="1" x14ac:dyDescent="0.15">
      <c r="A846" s="3">
        <v>845</v>
      </c>
      <c r="B846" s="30" t="s">
        <v>613</v>
      </c>
      <c r="C846" s="27" t="s">
        <v>983</v>
      </c>
      <c r="D846" s="31">
        <v>33950</v>
      </c>
      <c r="E846" s="32" t="s">
        <v>541</v>
      </c>
      <c r="F846" s="32" t="s">
        <v>2633</v>
      </c>
      <c r="G846" s="27">
        <v>8</v>
      </c>
    </row>
    <row r="847" spans="1:46" s="3" customFormat="1" ht="13.5" customHeight="1" x14ac:dyDescent="0.15">
      <c r="A847" s="3">
        <v>846</v>
      </c>
      <c r="B847" s="30" t="s">
        <v>613</v>
      </c>
      <c r="C847" s="27" t="s">
        <v>151</v>
      </c>
      <c r="D847" s="28">
        <v>35850</v>
      </c>
      <c r="E847" s="40" t="s">
        <v>2986</v>
      </c>
      <c r="F847" s="29" t="s">
        <v>2988</v>
      </c>
      <c r="G847" s="27">
        <v>6</v>
      </c>
      <c r="H847" s="2"/>
      <c r="I847" s="2"/>
      <c r="J847" s="2"/>
      <c r="K847" s="2"/>
      <c r="L847" s="2"/>
      <c r="M847" s="2"/>
      <c r="N847" s="2"/>
      <c r="O847" s="2"/>
      <c r="P847" s="2"/>
      <c r="Q847" s="2"/>
      <c r="R847" s="2"/>
      <c r="S847" s="2"/>
      <c r="T847" s="2"/>
      <c r="U847" s="2"/>
      <c r="V847" s="2"/>
      <c r="W847" s="2"/>
      <c r="X847" s="2"/>
      <c r="Y847" s="2"/>
      <c r="Z847" s="2"/>
      <c r="AA847" s="2"/>
      <c r="AB847" s="2"/>
      <c r="AC847" s="2"/>
      <c r="AD847" s="2"/>
      <c r="AE847" s="2"/>
      <c r="AF847" s="2"/>
      <c r="AG847" s="2"/>
      <c r="AH847" s="2"/>
      <c r="AI847" s="2"/>
      <c r="AJ847" s="2"/>
      <c r="AK847" s="2"/>
      <c r="AL847" s="2"/>
      <c r="AM847" s="2"/>
      <c r="AN847" s="2"/>
      <c r="AO847" s="2"/>
      <c r="AP847" s="2"/>
      <c r="AQ847" s="2"/>
      <c r="AR847" s="2"/>
      <c r="AS847" s="2"/>
      <c r="AT847" s="2"/>
    </row>
    <row r="848" spans="1:46" s="3" customFormat="1" ht="13.5" customHeight="1" x14ac:dyDescent="0.15">
      <c r="A848" s="3">
        <v>847</v>
      </c>
      <c r="B848" s="30" t="s">
        <v>613</v>
      </c>
      <c r="C848" s="27" t="s">
        <v>983</v>
      </c>
      <c r="D848" s="31">
        <v>35860</v>
      </c>
      <c r="E848" s="32" t="s">
        <v>284</v>
      </c>
      <c r="F848" s="32" t="s">
        <v>286</v>
      </c>
      <c r="G848" s="27">
        <v>6</v>
      </c>
    </row>
    <row r="849" spans="1:46" s="3" customFormat="1" ht="13.5" customHeight="1" x14ac:dyDescent="0.15">
      <c r="A849" s="3">
        <v>848</v>
      </c>
      <c r="B849" s="30" t="s">
        <v>613</v>
      </c>
      <c r="C849" s="27" t="s">
        <v>983</v>
      </c>
      <c r="D849" s="31">
        <v>35870</v>
      </c>
      <c r="E849" s="32" t="s">
        <v>1539</v>
      </c>
      <c r="F849" s="32" t="s">
        <v>59</v>
      </c>
      <c r="G849" s="27">
        <v>8</v>
      </c>
    </row>
    <row r="850" spans="1:46" s="3" customFormat="1" ht="13.5" customHeight="1" x14ac:dyDescent="0.15">
      <c r="A850" s="3">
        <v>849</v>
      </c>
      <c r="B850" s="30" t="s">
        <v>613</v>
      </c>
      <c r="C850" s="27" t="s">
        <v>983</v>
      </c>
      <c r="D850" s="31">
        <v>35880</v>
      </c>
      <c r="E850" s="32" t="s">
        <v>1714</v>
      </c>
      <c r="F850" s="32" t="s">
        <v>132</v>
      </c>
      <c r="G850" s="27">
        <v>5</v>
      </c>
    </row>
    <row r="851" spans="1:46" s="3" customFormat="1" ht="13.5" customHeight="1" x14ac:dyDescent="0.15">
      <c r="A851" s="3">
        <v>850</v>
      </c>
      <c r="B851" s="30" t="s">
        <v>613</v>
      </c>
      <c r="C851" s="27" t="s">
        <v>983</v>
      </c>
      <c r="D851" s="31">
        <v>35890</v>
      </c>
      <c r="E851" s="32" t="s">
        <v>1715</v>
      </c>
      <c r="F851" s="32" t="s">
        <v>2253</v>
      </c>
      <c r="G851" s="27">
        <v>9</v>
      </c>
    </row>
    <row r="852" spans="1:46" s="3" customFormat="1" ht="13.5" customHeight="1" x14ac:dyDescent="0.15">
      <c r="A852" s="3">
        <v>851</v>
      </c>
      <c r="B852" s="30" t="s">
        <v>613</v>
      </c>
      <c r="C852" s="27" t="s">
        <v>983</v>
      </c>
      <c r="D852" s="31">
        <v>35910</v>
      </c>
      <c r="E852" s="32" t="s">
        <v>1401</v>
      </c>
      <c r="F852" s="32" t="s">
        <v>1925</v>
      </c>
      <c r="G852" s="27">
        <v>4</v>
      </c>
    </row>
    <row r="853" spans="1:46" s="3" customFormat="1" ht="13.5" customHeight="1" x14ac:dyDescent="0.15">
      <c r="A853" s="3">
        <v>852</v>
      </c>
      <c r="B853" s="30" t="s">
        <v>613</v>
      </c>
      <c r="C853" s="27" t="s">
        <v>983</v>
      </c>
      <c r="D853" s="31">
        <v>36250</v>
      </c>
      <c r="E853" s="32" t="s">
        <v>420</v>
      </c>
      <c r="F853" s="32" t="s">
        <v>711</v>
      </c>
      <c r="G853" s="27">
        <v>8</v>
      </c>
    </row>
    <row r="854" spans="1:46" s="3" customFormat="1" ht="13.5" customHeight="1" x14ac:dyDescent="0.15">
      <c r="A854" s="3">
        <v>853</v>
      </c>
      <c r="B854" s="30" t="s">
        <v>613</v>
      </c>
      <c r="C854" s="27" t="s">
        <v>983</v>
      </c>
      <c r="D854" s="31">
        <v>36520</v>
      </c>
      <c r="E854" s="32" t="s">
        <v>1604</v>
      </c>
      <c r="F854" s="32" t="s">
        <v>2012</v>
      </c>
      <c r="G854" s="27">
        <v>12</v>
      </c>
    </row>
    <row r="855" spans="1:46" s="3" customFormat="1" ht="13.5" customHeight="1" x14ac:dyDescent="0.15">
      <c r="A855" s="3">
        <v>854</v>
      </c>
      <c r="B855" s="30" t="s">
        <v>613</v>
      </c>
      <c r="C855" s="27" t="s">
        <v>983</v>
      </c>
      <c r="D855" s="31">
        <v>36530</v>
      </c>
      <c r="E855" s="32" t="s">
        <v>1008</v>
      </c>
      <c r="F855" s="32" t="s">
        <v>2182</v>
      </c>
      <c r="G855" s="27">
        <v>12</v>
      </c>
    </row>
    <row r="856" spans="1:46" s="3" customFormat="1" ht="13.5" customHeight="1" x14ac:dyDescent="0.15">
      <c r="A856" s="3">
        <v>855</v>
      </c>
      <c r="B856" s="30" t="s">
        <v>613</v>
      </c>
      <c r="C856" s="27" t="s">
        <v>983</v>
      </c>
      <c r="D856" s="31">
        <v>36610</v>
      </c>
      <c r="E856" s="32" t="s">
        <v>1010</v>
      </c>
      <c r="F856" s="32" t="s">
        <v>2250</v>
      </c>
      <c r="G856" s="27">
        <v>2</v>
      </c>
    </row>
    <row r="857" spans="1:46" s="3" customFormat="1" ht="13.5" customHeight="1" x14ac:dyDescent="0.15">
      <c r="A857" s="3">
        <v>856</v>
      </c>
      <c r="B857" s="30" t="s">
        <v>613</v>
      </c>
      <c r="C857" s="27" t="s">
        <v>983</v>
      </c>
      <c r="D857" s="31">
        <v>38770</v>
      </c>
      <c r="E857" s="32" t="s">
        <v>3018</v>
      </c>
      <c r="F857" s="32" t="s">
        <v>1463</v>
      </c>
      <c r="G857" s="27">
        <v>6</v>
      </c>
    </row>
    <row r="858" spans="1:46" s="3" customFormat="1" ht="13.5" customHeight="1" x14ac:dyDescent="0.15">
      <c r="A858" s="3">
        <v>857</v>
      </c>
      <c r="B858" s="30" t="s">
        <v>613</v>
      </c>
      <c r="C858" s="27" t="s">
        <v>983</v>
      </c>
      <c r="D858" s="31">
        <v>38910</v>
      </c>
      <c r="E858" s="32" t="s">
        <v>3022</v>
      </c>
      <c r="F858" s="32" t="s">
        <v>1082</v>
      </c>
      <c r="G858" s="27">
        <v>6</v>
      </c>
    </row>
    <row r="859" spans="1:46" s="3" customFormat="1" ht="13.5" customHeight="1" x14ac:dyDescent="0.15">
      <c r="A859" s="3">
        <v>858</v>
      </c>
      <c r="B859" s="30" t="s">
        <v>613</v>
      </c>
      <c r="C859" s="27" t="s">
        <v>151</v>
      </c>
      <c r="D859" s="34">
        <v>40220</v>
      </c>
      <c r="E859" s="32" t="s">
        <v>3054</v>
      </c>
      <c r="F859" s="32" t="s">
        <v>451</v>
      </c>
      <c r="G859" s="27">
        <v>2</v>
      </c>
    </row>
    <row r="860" spans="1:46" s="3" customFormat="1" ht="13.5" customHeight="1" x14ac:dyDescent="0.15">
      <c r="A860" s="3">
        <v>859</v>
      </c>
      <c r="B860" s="30" t="s">
        <v>613</v>
      </c>
      <c r="C860" s="27" t="s">
        <v>151</v>
      </c>
      <c r="D860" s="34">
        <v>40250</v>
      </c>
      <c r="E860" s="32" t="s">
        <v>3055</v>
      </c>
      <c r="F860" s="32" t="s">
        <v>452</v>
      </c>
      <c r="G860" s="27">
        <v>6</v>
      </c>
    </row>
    <row r="861" spans="1:46" s="3" customFormat="1" ht="13.5" customHeight="1" x14ac:dyDescent="0.15">
      <c r="A861" s="3">
        <v>860</v>
      </c>
      <c r="B861" s="30" t="s">
        <v>613</v>
      </c>
      <c r="C861" s="27" t="s">
        <v>151</v>
      </c>
      <c r="D861" s="34">
        <v>40830</v>
      </c>
      <c r="E861" s="32" t="s">
        <v>3076</v>
      </c>
      <c r="F861" s="32" t="s">
        <v>1133</v>
      </c>
      <c r="G861" s="27">
        <v>7</v>
      </c>
    </row>
    <row r="862" spans="1:46" s="3" customFormat="1" ht="13.5" customHeight="1" x14ac:dyDescent="0.15">
      <c r="A862" s="3">
        <v>861</v>
      </c>
      <c r="B862" s="30" t="s">
        <v>613</v>
      </c>
      <c r="C862" s="27" t="s">
        <v>3198</v>
      </c>
      <c r="D862" s="28">
        <v>40980</v>
      </c>
      <c r="E862" s="29" t="s">
        <v>3199</v>
      </c>
      <c r="F862" s="29" t="s">
        <v>3200</v>
      </c>
      <c r="G862" s="27">
        <v>6</v>
      </c>
    </row>
    <row r="863" spans="1:46" s="3" customFormat="1" ht="13.5" customHeight="1" x14ac:dyDescent="0.15">
      <c r="A863" s="3">
        <v>862</v>
      </c>
      <c r="B863" s="30" t="s">
        <v>613</v>
      </c>
      <c r="C863" s="27" t="s">
        <v>151</v>
      </c>
      <c r="D863" s="28">
        <v>41500</v>
      </c>
      <c r="E863" s="36" t="s">
        <v>271</v>
      </c>
      <c r="F863" s="29" t="s">
        <v>1234</v>
      </c>
      <c r="G863" s="27">
        <v>12</v>
      </c>
    </row>
    <row r="864" spans="1:46" ht="13.5" customHeight="1" x14ac:dyDescent="0.15">
      <c r="A864" s="3">
        <v>863</v>
      </c>
      <c r="B864" s="30" t="s">
        <v>613</v>
      </c>
      <c r="C864" s="27" t="s">
        <v>2131</v>
      </c>
      <c r="D864" s="34">
        <v>42650</v>
      </c>
      <c r="E864" s="32" t="s">
        <v>3080</v>
      </c>
      <c r="F864" s="32" t="s">
        <v>2132</v>
      </c>
      <c r="G864" s="27">
        <v>12</v>
      </c>
      <c r="H864" s="3"/>
      <c r="I864" s="3"/>
      <c r="J864" s="3"/>
      <c r="K864" s="3"/>
      <c r="L864" s="3"/>
      <c r="M864" s="3"/>
      <c r="N864" s="3"/>
      <c r="O864" s="3"/>
      <c r="P864" s="3"/>
      <c r="Q864" s="3"/>
      <c r="R864" s="3"/>
      <c r="S864" s="3"/>
      <c r="T864" s="3"/>
      <c r="U864" s="3"/>
      <c r="V864" s="3"/>
      <c r="W864" s="3"/>
      <c r="X864" s="3"/>
      <c r="Y864" s="3"/>
      <c r="Z864" s="3"/>
      <c r="AA864" s="3"/>
      <c r="AB864" s="3"/>
      <c r="AC864" s="3"/>
      <c r="AD864" s="3"/>
      <c r="AE864" s="3"/>
      <c r="AF864" s="3"/>
      <c r="AG864" s="3"/>
      <c r="AH864" s="3"/>
      <c r="AI864" s="3"/>
      <c r="AJ864" s="3"/>
      <c r="AK864" s="3"/>
      <c r="AL864" s="3"/>
      <c r="AM864" s="3"/>
      <c r="AN864" s="3"/>
      <c r="AO864" s="3"/>
      <c r="AP864" s="3"/>
      <c r="AQ864" s="3"/>
      <c r="AR864" s="3"/>
      <c r="AS864" s="3"/>
      <c r="AT864" s="3"/>
    </row>
    <row r="865" spans="1:46" s="3" customFormat="1" ht="13.5" customHeight="1" x14ac:dyDescent="0.15">
      <c r="A865" s="3">
        <v>864</v>
      </c>
      <c r="B865" s="30" t="s">
        <v>613</v>
      </c>
      <c r="C865" s="27" t="s">
        <v>2131</v>
      </c>
      <c r="D865" s="31">
        <v>143840</v>
      </c>
      <c r="E865" s="32" t="s">
        <v>2466</v>
      </c>
      <c r="F865" s="32" t="s">
        <v>2467</v>
      </c>
      <c r="G865" s="27">
        <v>5</v>
      </c>
    </row>
    <row r="866" spans="1:46" s="3" customFormat="1" ht="13.5" customHeight="1" x14ac:dyDescent="0.15">
      <c r="A866" s="3">
        <v>865</v>
      </c>
      <c r="B866" s="30" t="s">
        <v>613</v>
      </c>
      <c r="C866" s="27" t="s">
        <v>2131</v>
      </c>
      <c r="D866" s="31">
        <v>143850</v>
      </c>
      <c r="E866" s="32" t="s">
        <v>2470</v>
      </c>
      <c r="F866" s="32" t="s">
        <v>2471</v>
      </c>
      <c r="G866" s="27">
        <v>11</v>
      </c>
    </row>
    <row r="867" spans="1:46" s="3" customFormat="1" ht="13.5" customHeight="1" x14ac:dyDescent="0.15">
      <c r="A867" s="3">
        <v>866</v>
      </c>
      <c r="B867" s="30" t="s">
        <v>613</v>
      </c>
      <c r="C867" s="27" t="s">
        <v>2852</v>
      </c>
      <c r="D867" s="31">
        <v>145230</v>
      </c>
      <c r="E867" s="29" t="s">
        <v>2824</v>
      </c>
      <c r="F867" s="40" t="s">
        <v>2797</v>
      </c>
      <c r="G867" s="27">
        <v>6</v>
      </c>
    </row>
    <row r="868" spans="1:46" s="3" customFormat="1" ht="13.5" customHeight="1" x14ac:dyDescent="0.15">
      <c r="A868" s="3">
        <v>867</v>
      </c>
      <c r="B868" s="30" t="s">
        <v>613</v>
      </c>
      <c r="C868" s="27" t="s">
        <v>151</v>
      </c>
      <c r="D868" s="28">
        <v>145590</v>
      </c>
      <c r="E868" s="40" t="s">
        <v>2887</v>
      </c>
      <c r="F868" s="29" t="s">
        <v>2899</v>
      </c>
      <c r="G868" s="27">
        <v>5</v>
      </c>
    </row>
    <row r="869" spans="1:46" s="3" customFormat="1" ht="13.5" customHeight="1" x14ac:dyDescent="0.15">
      <c r="A869" s="3">
        <v>868</v>
      </c>
      <c r="B869" s="30" t="s">
        <v>3220</v>
      </c>
      <c r="C869" s="27" t="s">
        <v>3226</v>
      </c>
      <c r="D869" s="28">
        <v>146190</v>
      </c>
      <c r="E869" s="41" t="s">
        <v>3227</v>
      </c>
      <c r="F869" s="52" t="s">
        <v>3228</v>
      </c>
      <c r="G869" s="27">
        <v>5</v>
      </c>
      <c r="H869" s="2"/>
      <c r="I869" s="2"/>
      <c r="J869" s="2"/>
      <c r="K869" s="2"/>
      <c r="L869" s="2"/>
      <c r="M869" s="2"/>
      <c r="N869" s="2"/>
      <c r="O869" s="2"/>
      <c r="P869" s="2"/>
      <c r="Q869" s="2"/>
      <c r="R869" s="2"/>
      <c r="S869" s="2"/>
      <c r="T869" s="2"/>
      <c r="U869" s="2"/>
      <c r="V869" s="2"/>
      <c r="W869" s="2"/>
      <c r="X869" s="2"/>
      <c r="Y869" s="2"/>
      <c r="Z869" s="2"/>
      <c r="AA869" s="2"/>
      <c r="AB869" s="2"/>
      <c r="AC869" s="2"/>
      <c r="AD869" s="2"/>
      <c r="AE869" s="2"/>
      <c r="AF869" s="2"/>
      <c r="AG869" s="2"/>
      <c r="AH869" s="2"/>
      <c r="AI869" s="2"/>
      <c r="AJ869" s="2"/>
      <c r="AK869" s="2"/>
      <c r="AL869" s="2"/>
      <c r="AM869" s="2"/>
      <c r="AN869" s="2"/>
      <c r="AO869" s="2"/>
      <c r="AP869" s="2"/>
      <c r="AQ869" s="2"/>
      <c r="AR869" s="2"/>
      <c r="AS869" s="2"/>
      <c r="AT869" s="2"/>
    </row>
    <row r="870" spans="1:46" s="3" customFormat="1" ht="13.5" customHeight="1" x14ac:dyDescent="0.15">
      <c r="A870" s="3">
        <v>869</v>
      </c>
      <c r="B870" s="30" t="s">
        <v>613</v>
      </c>
      <c r="C870" s="27" t="s">
        <v>3264</v>
      </c>
      <c r="D870" s="28">
        <v>146800</v>
      </c>
      <c r="E870" s="29" t="s">
        <v>3295</v>
      </c>
      <c r="F870" s="53" t="s">
        <v>3296</v>
      </c>
      <c r="G870" s="27">
        <v>1</v>
      </c>
      <c r="H870" s="2"/>
      <c r="I870" s="2"/>
      <c r="J870" s="2"/>
      <c r="K870" s="2"/>
      <c r="L870" s="2"/>
      <c r="M870" s="2"/>
      <c r="N870" s="2"/>
      <c r="O870" s="2"/>
      <c r="P870" s="2"/>
      <c r="Q870" s="2"/>
      <c r="R870" s="2"/>
      <c r="S870" s="2"/>
      <c r="T870" s="2"/>
      <c r="U870" s="2"/>
      <c r="V870" s="2"/>
      <c r="W870" s="2"/>
      <c r="X870" s="2"/>
      <c r="Y870" s="2"/>
      <c r="Z870" s="2"/>
      <c r="AA870" s="2"/>
      <c r="AB870" s="2"/>
      <c r="AC870" s="2"/>
      <c r="AD870" s="2"/>
      <c r="AE870" s="2"/>
      <c r="AF870" s="2"/>
      <c r="AG870" s="2"/>
      <c r="AH870" s="2"/>
      <c r="AI870" s="2"/>
      <c r="AJ870" s="2"/>
      <c r="AK870" s="2"/>
      <c r="AL870" s="2"/>
      <c r="AM870" s="2"/>
      <c r="AN870" s="2"/>
      <c r="AO870" s="2"/>
      <c r="AP870" s="2"/>
      <c r="AQ870" s="2"/>
      <c r="AR870" s="2"/>
      <c r="AS870" s="2"/>
      <c r="AT870" s="2"/>
    </row>
    <row r="871" spans="1:46" s="3" customFormat="1" ht="13.5" customHeight="1" x14ac:dyDescent="0.15">
      <c r="A871" s="3">
        <v>870</v>
      </c>
      <c r="B871" s="30" t="s">
        <v>613</v>
      </c>
      <c r="C871" s="27" t="s">
        <v>3463</v>
      </c>
      <c r="D871" s="28">
        <v>147320</v>
      </c>
      <c r="E871" s="29" t="s">
        <v>3437</v>
      </c>
      <c r="F871" s="29" t="s">
        <v>3462</v>
      </c>
      <c r="G871" s="27">
        <v>8</v>
      </c>
      <c r="H871" s="2"/>
      <c r="I871" s="2"/>
      <c r="J871" s="2"/>
      <c r="K871" s="2"/>
      <c r="L871" s="2"/>
      <c r="M871" s="2"/>
      <c r="N871" s="2"/>
      <c r="O871" s="2"/>
      <c r="P871" s="2"/>
      <c r="Q871" s="2"/>
      <c r="R871" s="2"/>
      <c r="S871" s="2"/>
      <c r="T871" s="2"/>
      <c r="U871" s="2"/>
      <c r="V871" s="2"/>
      <c r="W871" s="2"/>
      <c r="X871" s="2"/>
      <c r="Y871" s="2"/>
      <c r="Z871" s="2"/>
      <c r="AA871" s="2"/>
      <c r="AB871" s="2"/>
      <c r="AC871" s="2"/>
      <c r="AD871" s="2"/>
      <c r="AE871" s="2"/>
      <c r="AF871" s="2"/>
      <c r="AG871" s="2"/>
      <c r="AH871" s="2"/>
      <c r="AI871" s="2"/>
      <c r="AJ871" s="2"/>
      <c r="AK871" s="2"/>
      <c r="AL871" s="2"/>
      <c r="AM871" s="2"/>
      <c r="AN871" s="2"/>
      <c r="AO871" s="2"/>
      <c r="AP871" s="2"/>
      <c r="AQ871" s="2"/>
      <c r="AR871" s="2"/>
      <c r="AS871" s="2"/>
      <c r="AT871" s="2"/>
    </row>
    <row r="872" spans="1:46" s="3" customFormat="1" ht="13.5" customHeight="1" x14ac:dyDescent="0.15">
      <c r="A872" s="3">
        <v>871</v>
      </c>
      <c r="B872" s="30" t="s">
        <v>613</v>
      </c>
      <c r="C872" s="27" t="s">
        <v>3557</v>
      </c>
      <c r="D872" s="28">
        <v>147540</v>
      </c>
      <c r="E872" s="42" t="s">
        <v>3507</v>
      </c>
      <c r="F872" s="29" t="s">
        <v>3547</v>
      </c>
      <c r="G872" s="27">
        <v>10</v>
      </c>
      <c r="H872" s="2"/>
      <c r="I872" s="2"/>
      <c r="J872" s="2"/>
      <c r="K872" s="2"/>
      <c r="L872" s="2"/>
      <c r="M872" s="2"/>
      <c r="N872" s="2"/>
      <c r="O872" s="2"/>
      <c r="P872" s="2"/>
      <c r="Q872" s="2"/>
      <c r="R872" s="2"/>
      <c r="S872" s="2"/>
      <c r="T872" s="2"/>
      <c r="U872" s="2"/>
      <c r="V872" s="2"/>
      <c r="W872" s="2"/>
      <c r="X872" s="2"/>
      <c r="Y872" s="2"/>
      <c r="Z872" s="2"/>
      <c r="AA872" s="2"/>
      <c r="AB872" s="2"/>
      <c r="AC872" s="2"/>
      <c r="AD872" s="2"/>
      <c r="AE872" s="2"/>
      <c r="AF872" s="2"/>
      <c r="AG872" s="2"/>
      <c r="AH872" s="2"/>
      <c r="AI872" s="2"/>
      <c r="AJ872" s="2"/>
      <c r="AK872" s="2"/>
      <c r="AL872" s="2"/>
      <c r="AM872" s="2"/>
      <c r="AN872" s="2"/>
      <c r="AO872" s="2"/>
      <c r="AP872" s="2"/>
      <c r="AQ872" s="2"/>
      <c r="AR872" s="2"/>
      <c r="AS872" s="2"/>
      <c r="AT872" s="2"/>
    </row>
    <row r="873" spans="1:46" s="3" customFormat="1" ht="13.5" customHeight="1" x14ac:dyDescent="0.15">
      <c r="A873" s="3">
        <v>872</v>
      </c>
      <c r="B873" s="30" t="s">
        <v>613</v>
      </c>
      <c r="C873" s="27" t="s">
        <v>3564</v>
      </c>
      <c r="D873" s="28">
        <v>147650</v>
      </c>
      <c r="E873" s="42" t="s">
        <v>3518</v>
      </c>
      <c r="F873" s="29" t="s">
        <v>3537</v>
      </c>
      <c r="G873" s="27">
        <v>12</v>
      </c>
      <c r="H873" s="2"/>
      <c r="I873" s="2"/>
      <c r="J873" s="2"/>
      <c r="K873" s="2"/>
      <c r="L873" s="2"/>
      <c r="M873" s="2"/>
      <c r="N873" s="2"/>
      <c r="O873" s="2"/>
      <c r="P873" s="2"/>
      <c r="Q873" s="2"/>
      <c r="R873" s="2"/>
      <c r="S873" s="2"/>
      <c r="T873" s="2"/>
      <c r="U873" s="2"/>
      <c r="V873" s="2"/>
      <c r="W873" s="2"/>
      <c r="X873" s="2"/>
      <c r="Y873" s="2"/>
      <c r="Z873" s="2"/>
      <c r="AA873" s="2"/>
      <c r="AB873" s="2"/>
      <c r="AC873" s="2"/>
      <c r="AD873" s="2"/>
      <c r="AE873" s="2"/>
      <c r="AF873" s="2"/>
      <c r="AG873" s="2"/>
      <c r="AH873" s="2"/>
      <c r="AI873" s="2"/>
      <c r="AJ873" s="2"/>
      <c r="AK873" s="2"/>
      <c r="AL873" s="2"/>
      <c r="AM873" s="2"/>
      <c r="AN873" s="2"/>
      <c r="AO873" s="2"/>
      <c r="AP873" s="2"/>
      <c r="AQ873" s="2"/>
      <c r="AR873" s="2"/>
      <c r="AS873" s="2"/>
      <c r="AT873" s="2"/>
    </row>
    <row r="874" spans="1:46" s="3" customFormat="1" ht="13.5" customHeight="1" x14ac:dyDescent="0.15">
      <c r="A874" s="3">
        <v>873</v>
      </c>
      <c r="B874" s="30" t="s">
        <v>613</v>
      </c>
      <c r="C874" s="27" t="s">
        <v>2452</v>
      </c>
      <c r="D874" s="28">
        <v>147720</v>
      </c>
      <c r="E874" s="42" t="s">
        <v>3525</v>
      </c>
      <c r="F874" s="29" t="s">
        <v>3542</v>
      </c>
      <c r="G874" s="27">
        <v>7</v>
      </c>
      <c r="H874" s="2"/>
      <c r="I874" s="2"/>
      <c r="J874" s="2"/>
      <c r="K874" s="2"/>
      <c r="L874" s="2"/>
      <c r="M874" s="2"/>
      <c r="N874" s="2"/>
      <c r="O874" s="2"/>
      <c r="P874" s="2"/>
      <c r="Q874" s="2"/>
      <c r="R874" s="2"/>
      <c r="S874" s="2"/>
      <c r="T874" s="2"/>
      <c r="U874" s="2"/>
      <c r="V874" s="2"/>
      <c r="W874" s="2"/>
      <c r="X874" s="2"/>
      <c r="Y874" s="2"/>
      <c r="Z874" s="2"/>
      <c r="AA874" s="2"/>
      <c r="AB874" s="2"/>
      <c r="AC874" s="2"/>
      <c r="AD874" s="2"/>
      <c r="AE874" s="2"/>
      <c r="AF874" s="2"/>
      <c r="AG874" s="2"/>
      <c r="AH874" s="2"/>
      <c r="AI874" s="2"/>
      <c r="AJ874" s="2"/>
      <c r="AK874" s="2"/>
      <c r="AL874" s="2"/>
      <c r="AM874" s="2"/>
      <c r="AN874" s="2"/>
      <c r="AO874" s="2"/>
      <c r="AP874" s="2"/>
      <c r="AQ874" s="2"/>
      <c r="AR874" s="2"/>
      <c r="AS874" s="2"/>
      <c r="AT874" s="2"/>
    </row>
    <row r="875" spans="1:46" s="3" customFormat="1" ht="13.5" customHeight="1" x14ac:dyDescent="0.15">
      <c r="A875" s="3">
        <v>874</v>
      </c>
      <c r="B875" s="30" t="s">
        <v>613</v>
      </c>
      <c r="C875" s="27" t="s">
        <v>2452</v>
      </c>
      <c r="D875" s="28">
        <v>147770</v>
      </c>
      <c r="E875" s="42" t="s">
        <v>3530</v>
      </c>
      <c r="F875" s="29" t="s">
        <v>3556</v>
      </c>
      <c r="G875" s="27">
        <v>8</v>
      </c>
      <c r="H875" s="2"/>
      <c r="I875" s="2"/>
      <c r="J875" s="2"/>
      <c r="K875" s="2"/>
      <c r="L875" s="2"/>
      <c r="M875" s="2"/>
      <c r="N875" s="2"/>
      <c r="O875" s="2"/>
      <c r="P875" s="2"/>
      <c r="Q875" s="2"/>
      <c r="R875" s="2"/>
      <c r="S875" s="2"/>
      <c r="T875" s="2"/>
      <c r="U875" s="2"/>
      <c r="V875" s="2"/>
      <c r="W875" s="2"/>
      <c r="X875" s="2"/>
      <c r="Y875" s="2"/>
      <c r="Z875" s="2"/>
      <c r="AA875" s="2"/>
      <c r="AB875" s="2"/>
      <c r="AC875" s="2"/>
      <c r="AD875" s="2"/>
      <c r="AE875" s="2"/>
      <c r="AF875" s="2"/>
      <c r="AG875" s="2"/>
      <c r="AH875" s="2"/>
      <c r="AI875" s="2"/>
      <c r="AJ875" s="2"/>
      <c r="AK875" s="2"/>
      <c r="AL875" s="2"/>
      <c r="AM875" s="2"/>
      <c r="AN875" s="2"/>
      <c r="AO875" s="2"/>
      <c r="AP875" s="2"/>
      <c r="AQ875" s="2"/>
      <c r="AR875" s="2"/>
      <c r="AS875" s="2"/>
      <c r="AT875" s="2"/>
    </row>
    <row r="876" spans="1:46" s="3" customFormat="1" ht="13.5" customHeight="1" x14ac:dyDescent="0.15">
      <c r="A876" s="3">
        <v>875</v>
      </c>
      <c r="B876" s="26" t="s">
        <v>1051</v>
      </c>
      <c r="C876" s="27" t="s">
        <v>982</v>
      </c>
      <c r="D876" s="28">
        <v>361</v>
      </c>
      <c r="E876" s="29" t="s">
        <v>525</v>
      </c>
      <c r="F876" s="29" t="s">
        <v>1268</v>
      </c>
      <c r="G876" s="27">
        <v>3</v>
      </c>
      <c r="H876" s="2"/>
      <c r="I876" s="2"/>
      <c r="J876" s="2"/>
      <c r="K876" s="2"/>
      <c r="L876" s="2"/>
      <c r="M876" s="2"/>
      <c r="N876" s="2"/>
      <c r="O876" s="2"/>
      <c r="P876" s="2"/>
      <c r="Q876" s="2"/>
      <c r="R876" s="2"/>
      <c r="S876" s="2"/>
      <c r="T876" s="2"/>
      <c r="U876" s="2"/>
      <c r="V876" s="2"/>
      <c r="W876" s="2"/>
      <c r="X876" s="2"/>
      <c r="Y876" s="2"/>
      <c r="Z876" s="2"/>
      <c r="AA876" s="2"/>
      <c r="AB876" s="2"/>
      <c r="AC876" s="2"/>
      <c r="AD876" s="2"/>
      <c r="AE876" s="2"/>
      <c r="AF876" s="2"/>
      <c r="AG876" s="2"/>
      <c r="AH876" s="2"/>
      <c r="AI876" s="2"/>
      <c r="AJ876" s="2"/>
      <c r="AK876" s="2"/>
      <c r="AL876" s="2"/>
      <c r="AM876" s="2"/>
      <c r="AN876" s="2"/>
      <c r="AO876" s="2"/>
      <c r="AP876" s="2"/>
      <c r="AQ876" s="2"/>
      <c r="AR876" s="2"/>
      <c r="AS876" s="2"/>
      <c r="AT876" s="2"/>
    </row>
    <row r="877" spans="1:46" s="3" customFormat="1" ht="13.5" customHeight="1" x14ac:dyDescent="0.15">
      <c r="A877" s="3">
        <v>876</v>
      </c>
      <c r="B877" s="26" t="s">
        <v>1051</v>
      </c>
      <c r="C877" s="27" t="s">
        <v>982</v>
      </c>
      <c r="D877" s="28">
        <v>371</v>
      </c>
      <c r="E877" s="29" t="s">
        <v>1218</v>
      </c>
      <c r="F877" s="29" t="s">
        <v>1269</v>
      </c>
      <c r="G877" s="27">
        <v>3</v>
      </c>
      <c r="H877" s="2"/>
      <c r="I877" s="2"/>
      <c r="J877" s="2"/>
      <c r="K877" s="2"/>
      <c r="L877" s="2"/>
      <c r="M877" s="2"/>
      <c r="N877" s="2"/>
      <c r="O877" s="2"/>
      <c r="P877" s="2"/>
      <c r="Q877" s="2"/>
      <c r="R877" s="2"/>
      <c r="S877" s="2"/>
      <c r="T877" s="2"/>
      <c r="U877" s="2"/>
      <c r="V877" s="2"/>
      <c r="W877" s="2"/>
      <c r="X877" s="2"/>
      <c r="Y877" s="2"/>
      <c r="Z877" s="2"/>
      <c r="AA877" s="2"/>
      <c r="AB877" s="2"/>
      <c r="AC877" s="2"/>
      <c r="AD877" s="2"/>
      <c r="AE877" s="2"/>
      <c r="AF877" s="2"/>
      <c r="AG877" s="2"/>
      <c r="AH877" s="2"/>
      <c r="AI877" s="2"/>
      <c r="AJ877" s="2"/>
      <c r="AK877" s="2"/>
      <c r="AL877" s="2"/>
      <c r="AM877" s="2"/>
      <c r="AN877" s="2"/>
      <c r="AO877" s="2"/>
      <c r="AP877" s="2"/>
      <c r="AQ877" s="2"/>
      <c r="AR877" s="2"/>
      <c r="AS877" s="2"/>
      <c r="AT877" s="2"/>
    </row>
    <row r="878" spans="1:46" s="3" customFormat="1" ht="13.5" customHeight="1" x14ac:dyDescent="0.15">
      <c r="A878" s="3">
        <v>877</v>
      </c>
      <c r="B878" s="26" t="s">
        <v>1051</v>
      </c>
      <c r="C878" s="27" t="s">
        <v>982</v>
      </c>
      <c r="D878" s="28">
        <v>381</v>
      </c>
      <c r="E878" s="29" t="s">
        <v>3582</v>
      </c>
      <c r="F878" s="29" t="s">
        <v>3583</v>
      </c>
      <c r="G878" s="27">
        <v>3</v>
      </c>
      <c r="H878" s="2"/>
      <c r="I878" s="2"/>
      <c r="J878" s="2"/>
      <c r="K878" s="2"/>
      <c r="L878" s="2"/>
      <c r="M878" s="2"/>
      <c r="N878" s="2"/>
      <c r="O878" s="2"/>
      <c r="P878" s="2"/>
      <c r="Q878" s="2"/>
      <c r="R878" s="2"/>
      <c r="S878" s="2"/>
      <c r="T878" s="2"/>
      <c r="U878" s="2"/>
      <c r="V878" s="2"/>
      <c r="W878" s="2"/>
      <c r="X878" s="2"/>
      <c r="Y878" s="2"/>
      <c r="Z878" s="2"/>
      <c r="AA878" s="2"/>
      <c r="AB878" s="2"/>
      <c r="AC878" s="2"/>
      <c r="AD878" s="2"/>
      <c r="AE878" s="2"/>
      <c r="AF878" s="2"/>
      <c r="AG878" s="2"/>
      <c r="AH878" s="2"/>
      <c r="AI878" s="2"/>
      <c r="AJ878" s="2"/>
      <c r="AK878" s="2"/>
      <c r="AL878" s="2"/>
      <c r="AM878" s="2"/>
      <c r="AN878" s="2"/>
      <c r="AO878" s="2"/>
      <c r="AP878" s="2"/>
      <c r="AQ878" s="2"/>
      <c r="AR878" s="2"/>
      <c r="AS878" s="2"/>
      <c r="AT878" s="2"/>
    </row>
    <row r="879" spans="1:46" s="3" customFormat="1" ht="13.5" customHeight="1" x14ac:dyDescent="0.15">
      <c r="A879" s="3">
        <v>878</v>
      </c>
      <c r="B879" s="26" t="s">
        <v>1051</v>
      </c>
      <c r="C879" s="27" t="s">
        <v>982</v>
      </c>
      <c r="D879" s="28">
        <v>391</v>
      </c>
      <c r="E879" s="29" t="s">
        <v>355</v>
      </c>
      <c r="F879" s="29" t="s">
        <v>3584</v>
      </c>
      <c r="G879" s="27">
        <v>3</v>
      </c>
      <c r="H879" s="2"/>
      <c r="I879" s="2"/>
      <c r="J879" s="2"/>
      <c r="K879" s="2"/>
      <c r="L879" s="2"/>
      <c r="M879" s="2"/>
      <c r="N879" s="2"/>
      <c r="O879" s="2"/>
      <c r="P879" s="2"/>
      <c r="Q879" s="2"/>
      <c r="R879" s="2"/>
      <c r="S879" s="2"/>
      <c r="T879" s="2"/>
      <c r="U879" s="2"/>
      <c r="V879" s="2"/>
      <c r="W879" s="2"/>
      <c r="X879" s="2"/>
      <c r="Y879" s="2"/>
      <c r="Z879" s="2"/>
      <c r="AA879" s="2"/>
      <c r="AB879" s="2"/>
      <c r="AC879" s="2"/>
      <c r="AD879" s="2"/>
      <c r="AE879" s="2"/>
      <c r="AF879" s="2"/>
      <c r="AG879" s="2"/>
      <c r="AH879" s="2"/>
      <c r="AI879" s="2"/>
      <c r="AJ879" s="2"/>
      <c r="AK879" s="2"/>
      <c r="AL879" s="2"/>
      <c r="AM879" s="2"/>
      <c r="AN879" s="2"/>
      <c r="AO879" s="2"/>
      <c r="AP879" s="2"/>
      <c r="AQ879" s="2"/>
      <c r="AR879" s="2"/>
      <c r="AS879" s="2"/>
      <c r="AT879" s="2"/>
    </row>
    <row r="880" spans="1:46" s="3" customFormat="1" ht="13.5" customHeight="1" x14ac:dyDescent="0.15">
      <c r="A880" s="3">
        <v>879</v>
      </c>
      <c r="B880" s="26" t="s">
        <v>1051</v>
      </c>
      <c r="C880" s="27" t="s">
        <v>982</v>
      </c>
      <c r="D880" s="28">
        <v>401</v>
      </c>
      <c r="E880" s="29" t="s">
        <v>1916</v>
      </c>
      <c r="F880" s="29" t="s">
        <v>1270</v>
      </c>
      <c r="G880" s="27">
        <v>3</v>
      </c>
      <c r="H880" s="2"/>
      <c r="I880" s="2"/>
      <c r="J880" s="2"/>
      <c r="K880" s="2"/>
      <c r="L880" s="2"/>
      <c r="M880" s="2"/>
      <c r="N880" s="2"/>
      <c r="O880" s="2"/>
      <c r="P880" s="2"/>
      <c r="Q880" s="2"/>
      <c r="R880" s="2"/>
      <c r="S880" s="2"/>
      <c r="T880" s="2"/>
      <c r="U880" s="2"/>
      <c r="V880" s="2"/>
      <c r="W880" s="2"/>
      <c r="X880" s="2"/>
      <c r="Y880" s="2"/>
      <c r="Z880" s="2"/>
      <c r="AA880" s="2"/>
      <c r="AB880" s="2"/>
      <c r="AC880" s="2"/>
      <c r="AD880" s="2"/>
      <c r="AE880" s="2"/>
      <c r="AF880" s="2"/>
      <c r="AG880" s="2"/>
      <c r="AH880" s="2"/>
      <c r="AI880" s="2"/>
      <c r="AJ880" s="2"/>
      <c r="AK880" s="2"/>
      <c r="AL880" s="2"/>
      <c r="AM880" s="2"/>
      <c r="AN880" s="2"/>
      <c r="AO880" s="2"/>
      <c r="AP880" s="2"/>
      <c r="AQ880" s="2"/>
      <c r="AR880" s="2"/>
      <c r="AS880" s="2"/>
      <c r="AT880" s="2"/>
    </row>
    <row r="881" spans="1:46" s="3" customFormat="1" ht="13.5" customHeight="1" x14ac:dyDescent="0.15">
      <c r="A881" s="3">
        <v>880</v>
      </c>
      <c r="B881" s="26" t="s">
        <v>1051</v>
      </c>
      <c r="C881" s="27" t="s">
        <v>982</v>
      </c>
      <c r="D881" s="28">
        <v>411</v>
      </c>
      <c r="E881" s="29" t="s">
        <v>3585</v>
      </c>
      <c r="F881" s="29" t="s">
        <v>3346</v>
      </c>
      <c r="G881" s="27">
        <v>3</v>
      </c>
      <c r="H881" s="2"/>
      <c r="I881" s="2"/>
      <c r="J881" s="2"/>
      <c r="K881" s="2"/>
      <c r="L881" s="2"/>
      <c r="M881" s="2"/>
      <c r="N881" s="2"/>
      <c r="O881" s="2"/>
      <c r="P881" s="2"/>
      <c r="Q881" s="2"/>
      <c r="R881" s="2"/>
      <c r="S881" s="2"/>
      <c r="T881" s="2"/>
      <c r="U881" s="2"/>
      <c r="V881" s="2"/>
      <c r="W881" s="2"/>
      <c r="X881" s="2"/>
      <c r="Y881" s="2"/>
      <c r="Z881" s="2"/>
      <c r="AA881" s="2"/>
      <c r="AB881" s="2"/>
      <c r="AC881" s="2"/>
      <c r="AD881" s="2"/>
      <c r="AE881" s="2"/>
      <c r="AF881" s="2"/>
      <c r="AG881" s="2"/>
      <c r="AH881" s="2"/>
      <c r="AI881" s="2"/>
      <c r="AJ881" s="2"/>
      <c r="AK881" s="2"/>
      <c r="AL881" s="2"/>
      <c r="AM881" s="2"/>
      <c r="AN881" s="2"/>
      <c r="AO881" s="2"/>
      <c r="AP881" s="2"/>
      <c r="AQ881" s="2"/>
      <c r="AR881" s="2"/>
      <c r="AS881" s="2"/>
      <c r="AT881" s="2"/>
    </row>
    <row r="882" spans="1:46" s="3" customFormat="1" ht="13.5" customHeight="1" x14ac:dyDescent="0.15">
      <c r="A882" s="3">
        <v>881</v>
      </c>
      <c r="B882" s="26" t="s">
        <v>1051</v>
      </c>
      <c r="C882" s="27" t="s">
        <v>982</v>
      </c>
      <c r="D882" s="28">
        <v>421</v>
      </c>
      <c r="E882" s="29" t="s">
        <v>1219</v>
      </c>
      <c r="F882" s="29" t="s">
        <v>3586</v>
      </c>
      <c r="G882" s="27">
        <v>3</v>
      </c>
      <c r="H882" s="2"/>
      <c r="I882" s="2"/>
      <c r="J882" s="2"/>
      <c r="K882" s="2"/>
      <c r="L882" s="2"/>
      <c r="M882" s="2"/>
      <c r="N882" s="2"/>
      <c r="O882" s="2"/>
      <c r="P882" s="2"/>
      <c r="Q882" s="2"/>
      <c r="R882" s="2"/>
      <c r="S882" s="2"/>
      <c r="T882" s="2"/>
      <c r="U882" s="2"/>
      <c r="V882" s="2"/>
      <c r="W882" s="2"/>
      <c r="X882" s="2"/>
      <c r="Y882" s="2"/>
      <c r="Z882" s="2"/>
      <c r="AA882" s="2"/>
      <c r="AB882" s="2"/>
      <c r="AC882" s="2"/>
      <c r="AD882" s="2"/>
      <c r="AE882" s="2"/>
      <c r="AF882" s="2"/>
      <c r="AG882" s="2"/>
      <c r="AH882" s="2"/>
      <c r="AI882" s="2"/>
      <c r="AJ882" s="2"/>
      <c r="AK882" s="2"/>
      <c r="AL882" s="2"/>
      <c r="AM882" s="2"/>
      <c r="AN882" s="2"/>
      <c r="AO882" s="2"/>
      <c r="AP882" s="2"/>
      <c r="AQ882" s="2"/>
      <c r="AR882" s="2"/>
      <c r="AS882" s="2"/>
      <c r="AT882" s="2"/>
    </row>
    <row r="883" spans="1:46" s="3" customFormat="1" ht="13.5" customHeight="1" x14ac:dyDescent="0.15">
      <c r="A883" s="3">
        <v>882</v>
      </c>
      <c r="B883" s="26" t="s">
        <v>1895</v>
      </c>
      <c r="C883" s="27" t="s">
        <v>2137</v>
      </c>
      <c r="D883" s="28">
        <v>941</v>
      </c>
      <c r="E883" s="29" t="s">
        <v>3196</v>
      </c>
      <c r="F883" s="29" t="s">
        <v>3197</v>
      </c>
      <c r="G883" s="27">
        <v>6</v>
      </c>
      <c r="H883" s="2"/>
      <c r="I883" s="2"/>
      <c r="J883" s="2"/>
      <c r="K883" s="2"/>
      <c r="L883" s="2"/>
      <c r="M883" s="2"/>
      <c r="N883" s="2"/>
      <c r="O883" s="2"/>
      <c r="P883" s="2"/>
      <c r="Q883" s="2"/>
      <c r="R883" s="2"/>
      <c r="S883" s="2"/>
      <c r="T883" s="2"/>
      <c r="U883" s="2"/>
      <c r="V883" s="2"/>
      <c r="W883" s="2"/>
      <c r="X883" s="2"/>
      <c r="Y883" s="2"/>
      <c r="Z883" s="2"/>
      <c r="AA883" s="2"/>
      <c r="AB883" s="2"/>
      <c r="AC883" s="2"/>
      <c r="AD883" s="2"/>
      <c r="AE883" s="2"/>
      <c r="AF883" s="2"/>
      <c r="AG883" s="2"/>
      <c r="AH883" s="2"/>
      <c r="AI883" s="2"/>
      <c r="AJ883" s="2"/>
      <c r="AK883" s="2"/>
      <c r="AL883" s="2"/>
      <c r="AM883" s="2"/>
      <c r="AN883" s="2"/>
      <c r="AO883" s="2"/>
      <c r="AP883" s="2"/>
      <c r="AQ883" s="2"/>
      <c r="AR883" s="2"/>
      <c r="AS883" s="2"/>
      <c r="AT883" s="2"/>
    </row>
    <row r="884" spans="1:46" s="3" customFormat="1" ht="13.5" customHeight="1" x14ac:dyDescent="0.15">
      <c r="A884" s="3">
        <v>883</v>
      </c>
      <c r="B884" s="30" t="s">
        <v>613</v>
      </c>
      <c r="C884" s="27" t="s">
        <v>1156</v>
      </c>
      <c r="D884" s="31">
        <v>3110</v>
      </c>
      <c r="E884" s="32" t="s">
        <v>2116</v>
      </c>
      <c r="F884" s="32" t="s">
        <v>604</v>
      </c>
      <c r="G884" s="27">
        <v>12</v>
      </c>
    </row>
    <row r="885" spans="1:46" s="3" customFormat="1" ht="13.5" customHeight="1" x14ac:dyDescent="0.15">
      <c r="A885" s="3">
        <v>884</v>
      </c>
      <c r="B885" s="30" t="s">
        <v>613</v>
      </c>
      <c r="C885" s="27" t="s">
        <v>982</v>
      </c>
      <c r="D885" s="31">
        <v>3480</v>
      </c>
      <c r="E885" s="32" t="s">
        <v>470</v>
      </c>
      <c r="F885" s="32" t="s">
        <v>1934</v>
      </c>
      <c r="G885" s="27">
        <v>6</v>
      </c>
    </row>
    <row r="886" spans="1:46" ht="13.5" customHeight="1" x14ac:dyDescent="0.15">
      <c r="A886" s="3">
        <v>885</v>
      </c>
      <c r="B886" s="30" t="s">
        <v>613</v>
      </c>
      <c r="C886" s="27" t="s">
        <v>982</v>
      </c>
      <c r="D886" s="31">
        <v>5890</v>
      </c>
      <c r="E886" s="32" t="s">
        <v>581</v>
      </c>
      <c r="F886" s="32" t="s">
        <v>1705</v>
      </c>
      <c r="G886" s="27">
        <v>12</v>
      </c>
      <c r="H886" s="3"/>
      <c r="I886" s="3"/>
      <c r="J886" s="3"/>
      <c r="K886" s="3"/>
      <c r="L886" s="3"/>
      <c r="M886" s="3"/>
      <c r="N886" s="3"/>
      <c r="O886" s="3"/>
      <c r="P886" s="3"/>
      <c r="Q886" s="3"/>
      <c r="R886" s="3"/>
      <c r="S886" s="3"/>
      <c r="T886" s="3"/>
      <c r="U886" s="3"/>
      <c r="V886" s="3"/>
      <c r="W886" s="3"/>
      <c r="X886" s="3"/>
      <c r="Y886" s="3"/>
      <c r="Z886" s="3"/>
      <c r="AA886" s="3"/>
      <c r="AB886" s="3"/>
      <c r="AC886" s="3"/>
      <c r="AD886" s="3"/>
      <c r="AE886" s="3"/>
      <c r="AF886" s="3"/>
      <c r="AG886" s="3"/>
      <c r="AH886" s="3"/>
      <c r="AI886" s="3"/>
      <c r="AJ886" s="3"/>
      <c r="AK886" s="3"/>
      <c r="AL886" s="3"/>
      <c r="AM886" s="3"/>
      <c r="AN886" s="3"/>
      <c r="AO886" s="3"/>
      <c r="AP886" s="3"/>
      <c r="AQ886" s="3"/>
      <c r="AR886" s="3"/>
      <c r="AS886" s="3"/>
      <c r="AT886" s="3"/>
    </row>
    <row r="887" spans="1:46" ht="13.5" customHeight="1" x14ac:dyDescent="0.15">
      <c r="A887" s="3">
        <v>886</v>
      </c>
      <c r="B887" s="30" t="s">
        <v>613</v>
      </c>
      <c r="C887" s="27" t="s">
        <v>982</v>
      </c>
      <c r="D887" s="31">
        <v>6130</v>
      </c>
      <c r="E887" s="32" t="s">
        <v>3348</v>
      </c>
      <c r="F887" s="32" t="s">
        <v>2484</v>
      </c>
      <c r="G887" s="27">
        <v>9</v>
      </c>
      <c r="H887" s="3"/>
      <c r="I887" s="3"/>
      <c r="J887" s="3"/>
      <c r="K887" s="3"/>
      <c r="L887" s="3"/>
      <c r="M887" s="3"/>
      <c r="N887" s="3"/>
      <c r="O887" s="3"/>
      <c r="P887" s="3"/>
      <c r="Q887" s="3"/>
      <c r="R887" s="3"/>
      <c r="S887" s="3"/>
      <c r="T887" s="3"/>
      <c r="U887" s="3"/>
      <c r="V887" s="3"/>
      <c r="W887" s="3"/>
      <c r="X887" s="3"/>
      <c r="Y887" s="3"/>
      <c r="Z887" s="3"/>
      <c r="AA887" s="3"/>
      <c r="AB887" s="3"/>
      <c r="AC887" s="3"/>
      <c r="AD887" s="3"/>
      <c r="AE887" s="3"/>
      <c r="AF887" s="3"/>
      <c r="AG887" s="3"/>
      <c r="AH887" s="3"/>
      <c r="AI887" s="3"/>
      <c r="AJ887" s="3"/>
      <c r="AK887" s="3"/>
      <c r="AL887" s="3"/>
      <c r="AM887" s="3"/>
      <c r="AN887" s="3"/>
      <c r="AO887" s="3"/>
      <c r="AP887" s="3"/>
      <c r="AQ887" s="3"/>
      <c r="AR887" s="3"/>
      <c r="AS887" s="3"/>
      <c r="AT887" s="3"/>
    </row>
    <row r="888" spans="1:46" s="3" customFormat="1" ht="13.5" customHeight="1" x14ac:dyDescent="0.15">
      <c r="A888" s="3">
        <v>887</v>
      </c>
      <c r="B888" s="30" t="s">
        <v>613</v>
      </c>
      <c r="C888" s="27" t="s">
        <v>982</v>
      </c>
      <c r="D888" s="31">
        <v>7500</v>
      </c>
      <c r="E888" s="32" t="s">
        <v>514</v>
      </c>
      <c r="F888" s="32" t="s">
        <v>1704</v>
      </c>
      <c r="G888" s="27">
        <v>12</v>
      </c>
    </row>
    <row r="889" spans="1:46" s="3" customFormat="1" ht="13.5" customHeight="1" x14ac:dyDescent="0.15">
      <c r="A889" s="3">
        <v>888</v>
      </c>
      <c r="B889" s="30" t="s">
        <v>613</v>
      </c>
      <c r="C889" s="27" t="s">
        <v>982</v>
      </c>
      <c r="D889" s="31">
        <v>7740</v>
      </c>
      <c r="E889" s="32" t="s">
        <v>429</v>
      </c>
      <c r="F889" s="32" t="s">
        <v>1112</v>
      </c>
      <c r="G889" s="27">
        <v>12</v>
      </c>
    </row>
    <row r="890" spans="1:46" s="3" customFormat="1" ht="13.5" customHeight="1" x14ac:dyDescent="0.15">
      <c r="A890" s="3">
        <v>889</v>
      </c>
      <c r="B890" s="30" t="s">
        <v>613</v>
      </c>
      <c r="C890" s="27" t="s">
        <v>982</v>
      </c>
      <c r="D890" s="31">
        <v>7890</v>
      </c>
      <c r="E890" s="32" t="s">
        <v>426</v>
      </c>
      <c r="F890" s="32" t="s">
        <v>1947</v>
      </c>
      <c r="G890" s="27">
        <v>12</v>
      </c>
    </row>
    <row r="891" spans="1:46" s="3" customFormat="1" ht="13.5" customHeight="1" x14ac:dyDescent="0.15">
      <c r="A891" s="3">
        <v>890</v>
      </c>
      <c r="B891" s="30" t="s">
        <v>613</v>
      </c>
      <c r="C891" s="27" t="s">
        <v>982</v>
      </c>
      <c r="D891" s="31">
        <v>8990</v>
      </c>
      <c r="E891" s="32" t="s">
        <v>251</v>
      </c>
      <c r="F891" s="32" t="s">
        <v>2039</v>
      </c>
      <c r="G891" s="27">
        <v>12</v>
      </c>
    </row>
    <row r="892" spans="1:46" s="3" customFormat="1" ht="13.5" customHeight="1" x14ac:dyDescent="0.15">
      <c r="A892" s="3">
        <v>891</v>
      </c>
      <c r="B892" s="30" t="s">
        <v>613</v>
      </c>
      <c r="C892" s="27" t="s">
        <v>982</v>
      </c>
      <c r="D892" s="31">
        <v>10670</v>
      </c>
      <c r="E892" s="32" t="s">
        <v>246</v>
      </c>
      <c r="F892" s="32" t="s">
        <v>1630</v>
      </c>
      <c r="G892" s="27">
        <v>6</v>
      </c>
    </row>
    <row r="893" spans="1:46" s="3" customFormat="1" ht="13.5" customHeight="1" x14ac:dyDescent="0.15">
      <c r="A893" s="3">
        <v>892</v>
      </c>
      <c r="B893" s="30" t="s">
        <v>613</v>
      </c>
      <c r="C893" s="27" t="s">
        <v>982</v>
      </c>
      <c r="D893" s="31">
        <v>10920</v>
      </c>
      <c r="E893" s="32" t="s">
        <v>1281</v>
      </c>
      <c r="F893" s="32" t="s">
        <v>1629</v>
      </c>
      <c r="G893" s="27">
        <v>6</v>
      </c>
    </row>
    <row r="894" spans="1:46" s="3" customFormat="1" ht="13.5" customHeight="1" x14ac:dyDescent="0.15">
      <c r="A894" s="3">
        <v>893</v>
      </c>
      <c r="B894" s="30" t="s">
        <v>613</v>
      </c>
      <c r="C894" s="27" t="s">
        <v>982</v>
      </c>
      <c r="D894" s="31">
        <v>12800</v>
      </c>
      <c r="E894" s="32" t="s">
        <v>1048</v>
      </c>
      <c r="F894" s="32" t="s">
        <v>1703</v>
      </c>
      <c r="G894" s="27">
        <v>6</v>
      </c>
    </row>
    <row r="895" spans="1:46" s="3" customFormat="1" ht="13.5" customHeight="1" x14ac:dyDescent="0.15">
      <c r="A895" s="3">
        <v>894</v>
      </c>
      <c r="B895" s="30" t="s">
        <v>613</v>
      </c>
      <c r="C895" s="27" t="s">
        <v>982</v>
      </c>
      <c r="D895" s="31">
        <v>14000</v>
      </c>
      <c r="E895" s="32" t="s">
        <v>524</v>
      </c>
      <c r="F895" s="32" t="s">
        <v>2096</v>
      </c>
      <c r="G895" s="27">
        <v>3</v>
      </c>
    </row>
    <row r="896" spans="1:46" s="3" customFormat="1" ht="13.5" customHeight="1" x14ac:dyDescent="0.15">
      <c r="A896" s="3">
        <v>895</v>
      </c>
      <c r="B896" s="30" t="s">
        <v>613</v>
      </c>
      <c r="C896" s="27" t="s">
        <v>982</v>
      </c>
      <c r="D896" s="31">
        <v>14330</v>
      </c>
      <c r="E896" s="32" t="s">
        <v>425</v>
      </c>
      <c r="F896" s="32" t="s">
        <v>2037</v>
      </c>
      <c r="G896" s="27">
        <v>12</v>
      </c>
    </row>
    <row r="897" spans="1:46" s="3" customFormat="1" ht="13.5" customHeight="1" x14ac:dyDescent="0.15">
      <c r="A897" s="3">
        <v>896</v>
      </c>
      <c r="B897" s="30" t="s">
        <v>613</v>
      </c>
      <c r="C897" s="27" t="s">
        <v>982</v>
      </c>
      <c r="D897" s="31">
        <v>14350</v>
      </c>
      <c r="E897" s="32" t="s">
        <v>2994</v>
      </c>
      <c r="F897" s="32" t="s">
        <v>762</v>
      </c>
      <c r="G897" s="27">
        <v>12</v>
      </c>
    </row>
    <row r="898" spans="1:46" s="3" customFormat="1" ht="13.5" customHeight="1" x14ac:dyDescent="0.15">
      <c r="A898" s="3">
        <v>897</v>
      </c>
      <c r="B898" s="30" t="s">
        <v>613</v>
      </c>
      <c r="C898" s="27" t="s">
        <v>982</v>
      </c>
      <c r="D898" s="31">
        <v>14660</v>
      </c>
      <c r="E898" s="32" t="s">
        <v>687</v>
      </c>
      <c r="F898" s="32" t="s">
        <v>1708</v>
      </c>
      <c r="G898" s="27">
        <v>10</v>
      </c>
    </row>
    <row r="899" spans="1:46" s="3" customFormat="1" ht="13.5" customHeight="1" x14ac:dyDescent="0.15">
      <c r="A899" s="3">
        <v>898</v>
      </c>
      <c r="B899" s="30" t="s">
        <v>613</v>
      </c>
      <c r="C899" s="27" t="s">
        <v>982</v>
      </c>
      <c r="D899" s="31">
        <v>15710</v>
      </c>
      <c r="E899" s="32" t="s">
        <v>620</v>
      </c>
      <c r="F899" s="32" t="s">
        <v>304</v>
      </c>
      <c r="G899" s="27">
        <v>12</v>
      </c>
    </row>
    <row r="900" spans="1:46" s="3" customFormat="1" ht="13.5" customHeight="1" x14ac:dyDescent="0.15">
      <c r="A900" s="3">
        <v>899</v>
      </c>
      <c r="B900" s="30" t="s">
        <v>613</v>
      </c>
      <c r="C900" s="27" t="s">
        <v>982</v>
      </c>
      <c r="D900" s="31">
        <v>17040</v>
      </c>
      <c r="E900" s="32" t="s">
        <v>2996</v>
      </c>
      <c r="F900" s="32" t="s">
        <v>2036</v>
      </c>
      <c r="G900" s="27">
        <v>8</v>
      </c>
    </row>
    <row r="901" spans="1:46" s="3" customFormat="1" ht="13.5" customHeight="1" x14ac:dyDescent="0.15">
      <c r="A901" s="3">
        <v>900</v>
      </c>
      <c r="B901" s="30" t="s">
        <v>613</v>
      </c>
      <c r="C901" s="27" t="s">
        <v>982</v>
      </c>
      <c r="D901" s="31">
        <v>19000</v>
      </c>
      <c r="E901" s="32" t="s">
        <v>2103</v>
      </c>
      <c r="F901" s="32" t="s">
        <v>763</v>
      </c>
      <c r="G901" s="27">
        <v>6</v>
      </c>
    </row>
    <row r="902" spans="1:46" s="3" customFormat="1" ht="13.5" customHeight="1" x14ac:dyDescent="0.15">
      <c r="A902" s="3">
        <v>901</v>
      </c>
      <c r="B902" s="30" t="s">
        <v>613</v>
      </c>
      <c r="C902" s="27" t="s">
        <v>982</v>
      </c>
      <c r="D902" s="31">
        <v>19500</v>
      </c>
      <c r="E902" s="32" t="s">
        <v>1028</v>
      </c>
      <c r="F902" s="32" t="s">
        <v>1134</v>
      </c>
      <c r="G902" s="27">
        <v>4</v>
      </c>
    </row>
    <row r="903" spans="1:46" s="3" customFormat="1" ht="13.5" customHeight="1" x14ac:dyDescent="0.15">
      <c r="A903" s="3">
        <v>902</v>
      </c>
      <c r="B903" s="30" t="s">
        <v>613</v>
      </c>
      <c r="C903" s="27" t="s">
        <v>982</v>
      </c>
      <c r="D903" s="31">
        <v>19880</v>
      </c>
      <c r="E903" s="32" t="s">
        <v>2104</v>
      </c>
      <c r="F903" s="32" t="s">
        <v>305</v>
      </c>
      <c r="G903" s="27">
        <v>6</v>
      </c>
    </row>
    <row r="904" spans="1:46" ht="13.5" customHeight="1" x14ac:dyDescent="0.15">
      <c r="A904" s="3">
        <v>903</v>
      </c>
      <c r="B904" s="30" t="s">
        <v>613</v>
      </c>
      <c r="C904" s="27" t="s">
        <v>982</v>
      </c>
      <c r="D904" s="31">
        <v>20310</v>
      </c>
      <c r="E904" s="32" t="s">
        <v>2868</v>
      </c>
      <c r="F904" s="32" t="s">
        <v>1111</v>
      </c>
      <c r="G904" s="27">
        <v>12</v>
      </c>
      <c r="H904" s="3"/>
      <c r="I904" s="3"/>
      <c r="J904" s="3"/>
      <c r="K904" s="3"/>
      <c r="L904" s="3"/>
      <c r="M904" s="3"/>
      <c r="N904" s="3"/>
      <c r="O904" s="3"/>
      <c r="P904" s="3"/>
      <c r="Q904" s="3"/>
      <c r="R904" s="3"/>
      <c r="S904" s="3"/>
      <c r="T904" s="3"/>
      <c r="U904" s="3"/>
      <c r="V904" s="3"/>
      <c r="W904" s="3"/>
      <c r="X904" s="3"/>
      <c r="Y904" s="3"/>
      <c r="Z904" s="3"/>
      <c r="AA904" s="3"/>
      <c r="AB904" s="3"/>
      <c r="AC904" s="3"/>
      <c r="AD904" s="3"/>
      <c r="AE904" s="3"/>
      <c r="AF904" s="3"/>
      <c r="AG904" s="3"/>
      <c r="AH904" s="3"/>
      <c r="AI904" s="3"/>
      <c r="AJ904" s="3"/>
      <c r="AK904" s="3"/>
      <c r="AL904" s="3"/>
      <c r="AM904" s="3"/>
      <c r="AN904" s="3"/>
      <c r="AO904" s="3"/>
      <c r="AP904" s="3"/>
      <c r="AQ904" s="3"/>
      <c r="AR904" s="3"/>
      <c r="AS904" s="3"/>
      <c r="AT904" s="3"/>
    </row>
    <row r="905" spans="1:46" ht="13.5" customHeight="1" x14ac:dyDescent="0.15">
      <c r="A905" s="3">
        <v>904</v>
      </c>
      <c r="B905" s="30" t="s">
        <v>613</v>
      </c>
      <c r="C905" s="27" t="s">
        <v>982</v>
      </c>
      <c r="D905" s="31">
        <v>21100</v>
      </c>
      <c r="E905" s="32" t="s">
        <v>2867</v>
      </c>
      <c r="F905" s="32" t="s">
        <v>2035</v>
      </c>
      <c r="G905" s="27">
        <v>9</v>
      </c>
      <c r="H905" s="3"/>
      <c r="I905" s="3"/>
      <c r="J905" s="3"/>
      <c r="K905" s="3"/>
      <c r="L905" s="3"/>
      <c r="M905" s="3"/>
      <c r="N905" s="3"/>
      <c r="O905" s="3"/>
      <c r="P905" s="3"/>
      <c r="Q905" s="3"/>
      <c r="R905" s="3"/>
      <c r="S905" s="3"/>
      <c r="T905" s="3"/>
      <c r="U905" s="3"/>
      <c r="V905" s="3"/>
      <c r="W905" s="3"/>
      <c r="X905" s="3"/>
      <c r="Y905" s="3"/>
      <c r="Z905" s="3"/>
      <c r="AA905" s="3"/>
      <c r="AB905" s="3"/>
      <c r="AC905" s="3"/>
      <c r="AD905" s="3"/>
      <c r="AE905" s="3"/>
      <c r="AF905" s="3"/>
      <c r="AG905" s="3"/>
      <c r="AH905" s="3"/>
      <c r="AI905" s="3"/>
      <c r="AJ905" s="3"/>
      <c r="AK905" s="3"/>
      <c r="AL905" s="3"/>
      <c r="AM905" s="3"/>
      <c r="AN905" s="3"/>
      <c r="AO905" s="3"/>
      <c r="AP905" s="3"/>
      <c r="AQ905" s="3"/>
      <c r="AR905" s="3"/>
      <c r="AS905" s="3"/>
      <c r="AT905" s="3"/>
    </row>
    <row r="906" spans="1:46" ht="13.5" customHeight="1" x14ac:dyDescent="0.15">
      <c r="A906" s="3">
        <v>905</v>
      </c>
      <c r="B906" s="30" t="s">
        <v>613</v>
      </c>
      <c r="C906" s="27" t="s">
        <v>982</v>
      </c>
      <c r="D906" s="31">
        <v>21220</v>
      </c>
      <c r="E906" s="32" t="s">
        <v>990</v>
      </c>
      <c r="F906" s="32" t="s">
        <v>542</v>
      </c>
      <c r="G906" s="27">
        <v>4</v>
      </c>
      <c r="H906" s="3"/>
      <c r="I906" s="3"/>
      <c r="J906" s="3"/>
      <c r="K906" s="3"/>
      <c r="L906" s="3"/>
      <c r="M906" s="3"/>
      <c r="N906" s="3"/>
      <c r="O906" s="3"/>
      <c r="P906" s="3"/>
      <c r="Q906" s="3"/>
      <c r="R906" s="3"/>
      <c r="S906" s="3"/>
      <c r="T906" s="3"/>
      <c r="U906" s="3"/>
      <c r="V906" s="3"/>
      <c r="W906" s="3"/>
      <c r="X906" s="3"/>
      <c r="Y906" s="3"/>
      <c r="Z906" s="3"/>
      <c r="AA906" s="3"/>
      <c r="AB906" s="3"/>
      <c r="AC906" s="3"/>
      <c r="AD906" s="3"/>
      <c r="AE906" s="3"/>
      <c r="AF906" s="3"/>
      <c r="AG906" s="3"/>
      <c r="AH906" s="3"/>
      <c r="AI906" s="3"/>
      <c r="AJ906" s="3"/>
      <c r="AK906" s="3"/>
      <c r="AL906" s="3"/>
      <c r="AM906" s="3"/>
      <c r="AN906" s="3"/>
      <c r="AO906" s="3"/>
      <c r="AP906" s="3"/>
      <c r="AQ906" s="3"/>
      <c r="AR906" s="3"/>
      <c r="AS906" s="3"/>
      <c r="AT906" s="3"/>
    </row>
    <row r="907" spans="1:46" ht="13.5" customHeight="1" x14ac:dyDescent="0.15">
      <c r="A907" s="3">
        <v>906</v>
      </c>
      <c r="B907" s="30" t="s">
        <v>613</v>
      </c>
      <c r="C907" s="27" t="s">
        <v>982</v>
      </c>
      <c r="D907" s="31">
        <v>24180</v>
      </c>
      <c r="E907" s="32" t="s">
        <v>660</v>
      </c>
      <c r="F907" s="32" t="s">
        <v>1107</v>
      </c>
      <c r="G907" s="27">
        <v>10</v>
      </c>
      <c r="H907" s="3"/>
      <c r="I907" s="3"/>
      <c r="J907" s="3"/>
      <c r="K907" s="3"/>
      <c r="L907" s="3"/>
      <c r="M907" s="3"/>
      <c r="N907" s="3"/>
      <c r="O907" s="3"/>
      <c r="P907" s="3"/>
      <c r="Q907" s="3"/>
      <c r="R907" s="3"/>
      <c r="S907" s="3"/>
      <c r="T907" s="3"/>
      <c r="U907" s="3"/>
      <c r="V907" s="3"/>
      <c r="W907" s="3"/>
      <c r="X907" s="3"/>
      <c r="Y907" s="3"/>
      <c r="Z907" s="3"/>
      <c r="AA907" s="3"/>
      <c r="AB907" s="3"/>
      <c r="AC907" s="3"/>
      <c r="AD907" s="3"/>
      <c r="AE907" s="3"/>
      <c r="AF907" s="3"/>
      <c r="AG907" s="3"/>
      <c r="AH907" s="3"/>
      <c r="AI907" s="3"/>
      <c r="AJ907" s="3"/>
      <c r="AK907" s="3"/>
      <c r="AL907" s="3"/>
      <c r="AM907" s="3"/>
      <c r="AN907" s="3"/>
      <c r="AO907" s="3"/>
      <c r="AP907" s="3"/>
      <c r="AQ907" s="3"/>
      <c r="AR907" s="3"/>
      <c r="AS907" s="3"/>
      <c r="AT907" s="3"/>
    </row>
    <row r="908" spans="1:46" s="3" customFormat="1" ht="13.5" customHeight="1" x14ac:dyDescent="0.15">
      <c r="A908" s="3">
        <v>907</v>
      </c>
      <c r="B908" s="30" t="s">
        <v>613</v>
      </c>
      <c r="C908" s="27" t="s">
        <v>982</v>
      </c>
      <c r="D908" s="31">
        <v>24620</v>
      </c>
      <c r="E908" s="32" t="s">
        <v>2620</v>
      </c>
      <c r="F908" s="32" t="s">
        <v>1081</v>
      </c>
      <c r="G908" s="27">
        <v>12</v>
      </c>
    </row>
    <row r="909" spans="1:46" s="3" customFormat="1" ht="13.5" customHeight="1" x14ac:dyDescent="0.15">
      <c r="A909" s="3">
        <v>908</v>
      </c>
      <c r="B909" s="30" t="s">
        <v>613</v>
      </c>
      <c r="C909" s="27" t="s">
        <v>982</v>
      </c>
      <c r="D909" s="31">
        <v>26880</v>
      </c>
      <c r="E909" s="32" t="s">
        <v>567</v>
      </c>
      <c r="F909" s="32" t="s">
        <v>1189</v>
      </c>
      <c r="G909" s="27">
        <v>12</v>
      </c>
    </row>
    <row r="910" spans="1:46" s="3" customFormat="1" ht="13.5" customHeight="1" x14ac:dyDescent="0.15">
      <c r="A910" s="3">
        <v>909</v>
      </c>
      <c r="B910" s="30" t="s">
        <v>613</v>
      </c>
      <c r="C910" s="27" t="s">
        <v>982</v>
      </c>
      <c r="D910" s="31">
        <v>26890</v>
      </c>
      <c r="E910" s="32" t="s">
        <v>1470</v>
      </c>
      <c r="F910" s="32" t="s">
        <v>2584</v>
      </c>
      <c r="G910" s="27">
        <v>12</v>
      </c>
    </row>
    <row r="911" spans="1:46" s="3" customFormat="1" ht="13.5" customHeight="1" x14ac:dyDescent="0.15">
      <c r="A911" s="3">
        <v>910</v>
      </c>
      <c r="B911" s="30" t="s">
        <v>613</v>
      </c>
      <c r="C911" s="27" t="s">
        <v>982</v>
      </c>
      <c r="D911" s="31">
        <v>28080</v>
      </c>
      <c r="E911" s="32" t="s">
        <v>781</v>
      </c>
      <c r="F911" s="32" t="s">
        <v>3340</v>
      </c>
      <c r="G911" s="27">
        <v>4</v>
      </c>
    </row>
    <row r="912" spans="1:46" s="3" customFormat="1" ht="13.5" customHeight="1" x14ac:dyDescent="0.15">
      <c r="A912" s="3">
        <v>911</v>
      </c>
      <c r="B912" s="30" t="s">
        <v>613</v>
      </c>
      <c r="C912" s="27" t="s">
        <v>982</v>
      </c>
      <c r="D912" s="31">
        <v>29840</v>
      </c>
      <c r="E912" s="32" t="s">
        <v>428</v>
      </c>
      <c r="F912" s="32" t="s">
        <v>1136</v>
      </c>
      <c r="G912" s="27">
        <v>6</v>
      </c>
    </row>
    <row r="913" spans="1:46" s="3" customFormat="1" ht="13.5" customHeight="1" x14ac:dyDescent="0.15">
      <c r="A913" s="3">
        <v>912</v>
      </c>
      <c r="B913" s="30" t="s">
        <v>613</v>
      </c>
      <c r="C913" s="27" t="s">
        <v>982</v>
      </c>
      <c r="D913" s="31">
        <v>29850</v>
      </c>
      <c r="E913" s="32" t="s">
        <v>1159</v>
      </c>
      <c r="F913" s="32" t="s">
        <v>764</v>
      </c>
      <c r="G913" s="27">
        <v>6</v>
      </c>
    </row>
    <row r="914" spans="1:46" s="3" customFormat="1" ht="13.5" customHeight="1" x14ac:dyDescent="0.15">
      <c r="A914" s="3">
        <v>913</v>
      </c>
      <c r="B914" s="30" t="s">
        <v>613</v>
      </c>
      <c r="C914" s="27" t="s">
        <v>982</v>
      </c>
      <c r="D914" s="31">
        <v>29860</v>
      </c>
      <c r="E914" s="32" t="s">
        <v>76</v>
      </c>
      <c r="F914" s="32" t="s">
        <v>1135</v>
      </c>
      <c r="G914" s="27">
        <v>6</v>
      </c>
    </row>
    <row r="915" spans="1:46" s="3" customFormat="1" ht="13.5" customHeight="1" x14ac:dyDescent="0.15">
      <c r="A915" s="3">
        <v>914</v>
      </c>
      <c r="B915" s="30" t="s">
        <v>613</v>
      </c>
      <c r="C915" s="27" t="s">
        <v>982</v>
      </c>
      <c r="D915" s="31">
        <v>33050</v>
      </c>
      <c r="E915" s="32" t="s">
        <v>1499</v>
      </c>
      <c r="F915" s="32" t="s">
        <v>2512</v>
      </c>
      <c r="G915" s="27">
        <v>10</v>
      </c>
    </row>
    <row r="916" spans="1:46" s="3" customFormat="1" ht="13.5" customHeight="1" x14ac:dyDescent="0.15">
      <c r="A916" s="3">
        <v>915</v>
      </c>
      <c r="B916" s="30" t="s">
        <v>613</v>
      </c>
      <c r="C916" s="27" t="s">
        <v>2533</v>
      </c>
      <c r="D916" s="31">
        <v>33900</v>
      </c>
      <c r="E916" s="32" t="s">
        <v>2531</v>
      </c>
      <c r="F916" s="32" t="s">
        <v>2532</v>
      </c>
      <c r="G916" s="27">
        <v>12</v>
      </c>
    </row>
    <row r="917" spans="1:46" s="3" customFormat="1" ht="13.5" customHeight="1" x14ac:dyDescent="0.15">
      <c r="A917" s="3">
        <v>916</v>
      </c>
      <c r="B917" s="30" t="s">
        <v>613</v>
      </c>
      <c r="C917" s="27" t="s">
        <v>982</v>
      </c>
      <c r="D917" s="31">
        <v>34600</v>
      </c>
      <c r="E917" s="32" t="s">
        <v>592</v>
      </c>
      <c r="F917" s="32" t="s">
        <v>1702</v>
      </c>
      <c r="G917" s="27">
        <v>5</v>
      </c>
    </row>
    <row r="918" spans="1:46" s="3" customFormat="1" ht="13.5" customHeight="1" x14ac:dyDescent="0.15">
      <c r="A918" s="3">
        <v>917</v>
      </c>
      <c r="B918" s="30" t="s">
        <v>613</v>
      </c>
      <c r="C918" s="27" t="s">
        <v>982</v>
      </c>
      <c r="D918" s="31">
        <v>35530</v>
      </c>
      <c r="E918" s="32" t="s">
        <v>275</v>
      </c>
      <c r="F918" s="32" t="s">
        <v>1760</v>
      </c>
      <c r="G918" s="27">
        <v>3</v>
      </c>
    </row>
    <row r="919" spans="1:46" s="3" customFormat="1" ht="13.5" customHeight="1" x14ac:dyDescent="0.15">
      <c r="A919" s="3">
        <v>918</v>
      </c>
      <c r="B919" s="30" t="s">
        <v>613</v>
      </c>
      <c r="C919" s="27" t="s">
        <v>982</v>
      </c>
      <c r="D919" s="31">
        <v>36370</v>
      </c>
      <c r="E919" s="32" t="s">
        <v>422</v>
      </c>
      <c r="F919" s="32" t="s">
        <v>1706</v>
      </c>
      <c r="G919" s="27">
        <v>7</v>
      </c>
    </row>
    <row r="920" spans="1:46" s="3" customFormat="1" ht="13.5" customHeight="1" x14ac:dyDescent="0.15">
      <c r="A920" s="3">
        <v>919</v>
      </c>
      <c r="B920" s="30" t="s">
        <v>613</v>
      </c>
      <c r="C920" s="27" t="s">
        <v>982</v>
      </c>
      <c r="D920" s="31">
        <v>37020</v>
      </c>
      <c r="E920" s="32" t="s">
        <v>2098</v>
      </c>
      <c r="F920" s="32" t="s">
        <v>1707</v>
      </c>
      <c r="G920" s="27">
        <v>5</v>
      </c>
    </row>
    <row r="921" spans="1:46" s="3" customFormat="1" ht="13.5" customHeight="1" x14ac:dyDescent="0.15">
      <c r="A921" s="3">
        <v>920</v>
      </c>
      <c r="B921" s="30" t="s">
        <v>613</v>
      </c>
      <c r="C921" s="27" t="s">
        <v>982</v>
      </c>
      <c r="D921" s="31">
        <v>38800</v>
      </c>
      <c r="E921" s="32" t="s">
        <v>3019</v>
      </c>
      <c r="F921" s="32" t="s">
        <v>303</v>
      </c>
      <c r="G921" s="27">
        <v>3</v>
      </c>
    </row>
    <row r="922" spans="1:46" s="3" customFormat="1" ht="13.5" customHeight="1" x14ac:dyDescent="0.15">
      <c r="A922" s="3">
        <v>921</v>
      </c>
      <c r="B922" s="30" t="s">
        <v>613</v>
      </c>
      <c r="C922" s="27" t="s">
        <v>982</v>
      </c>
      <c r="D922" s="31">
        <v>39220</v>
      </c>
      <c r="E922" s="32" t="s">
        <v>3031</v>
      </c>
      <c r="F922" s="32" t="s">
        <v>2038</v>
      </c>
      <c r="G922" s="27">
        <v>6</v>
      </c>
    </row>
    <row r="923" spans="1:46" s="3" customFormat="1" ht="13.5" customHeight="1" x14ac:dyDescent="0.15">
      <c r="A923" s="3">
        <v>922</v>
      </c>
      <c r="B923" s="30" t="s">
        <v>613</v>
      </c>
      <c r="C923" s="27" t="s">
        <v>21</v>
      </c>
      <c r="D923" s="34">
        <v>40450</v>
      </c>
      <c r="E923" s="32" t="s">
        <v>3062</v>
      </c>
      <c r="F923" s="32" t="s">
        <v>1605</v>
      </c>
      <c r="G923" s="27">
        <v>6</v>
      </c>
    </row>
    <row r="924" spans="1:46" s="3" customFormat="1" ht="13.5" customHeight="1" x14ac:dyDescent="0.15">
      <c r="A924" s="3">
        <v>923</v>
      </c>
      <c r="B924" s="30" t="s">
        <v>613</v>
      </c>
      <c r="C924" s="27" t="s">
        <v>21</v>
      </c>
      <c r="D924" s="28">
        <v>41640</v>
      </c>
      <c r="E924" s="32" t="s">
        <v>810</v>
      </c>
      <c r="F924" s="32" t="s">
        <v>1113</v>
      </c>
      <c r="G924" s="27">
        <v>3</v>
      </c>
    </row>
    <row r="925" spans="1:46" s="3" customFormat="1" ht="13.5" customHeight="1" x14ac:dyDescent="0.15">
      <c r="A925" s="3">
        <v>924</v>
      </c>
      <c r="B925" s="30" t="s">
        <v>613</v>
      </c>
      <c r="C925" s="27" t="s">
        <v>1156</v>
      </c>
      <c r="D925" s="28">
        <v>41850</v>
      </c>
      <c r="E925" s="38" t="s">
        <v>501</v>
      </c>
      <c r="F925" s="36" t="s">
        <v>527</v>
      </c>
      <c r="G925" s="27">
        <v>6</v>
      </c>
    </row>
    <row r="926" spans="1:46" s="3" customFormat="1" ht="13.5" customHeight="1" x14ac:dyDescent="0.15">
      <c r="A926" s="3">
        <v>925</v>
      </c>
      <c r="B926" s="30" t="s">
        <v>613</v>
      </c>
      <c r="C926" s="27" t="s">
        <v>982</v>
      </c>
      <c r="D926" s="31">
        <v>41940</v>
      </c>
      <c r="E926" s="38" t="s">
        <v>1832</v>
      </c>
      <c r="F926" s="32" t="s">
        <v>1469</v>
      </c>
      <c r="G926" s="27">
        <v>9</v>
      </c>
      <c r="H926" s="2"/>
      <c r="I926" s="2"/>
      <c r="J926" s="2"/>
      <c r="K926" s="2"/>
      <c r="L926" s="2"/>
      <c r="M926" s="2"/>
      <c r="N926" s="2"/>
      <c r="O926" s="2"/>
      <c r="P926" s="2"/>
      <c r="Q926" s="2"/>
      <c r="R926" s="2"/>
      <c r="S926" s="2"/>
      <c r="T926" s="2"/>
      <c r="U926" s="2"/>
      <c r="V926" s="2"/>
      <c r="W926" s="2"/>
      <c r="X926" s="2"/>
      <c r="Y926" s="2"/>
      <c r="Z926" s="2"/>
      <c r="AA926" s="2"/>
      <c r="AB926" s="2"/>
      <c r="AC926" s="2"/>
      <c r="AD926" s="2"/>
      <c r="AE926" s="2"/>
      <c r="AF926" s="2"/>
      <c r="AG926" s="2"/>
      <c r="AH926" s="2"/>
      <c r="AI926" s="2"/>
      <c r="AJ926" s="2"/>
      <c r="AK926" s="2"/>
      <c r="AL926" s="2"/>
      <c r="AM926" s="2"/>
      <c r="AN926" s="2"/>
      <c r="AO926" s="2"/>
      <c r="AP926" s="2"/>
      <c r="AQ926" s="2"/>
      <c r="AR926" s="2"/>
      <c r="AS926" s="2"/>
      <c r="AT926" s="2"/>
    </row>
    <row r="927" spans="1:46" s="3" customFormat="1" ht="13.5" customHeight="1" x14ac:dyDescent="0.15">
      <c r="A927" s="3">
        <v>926</v>
      </c>
      <c r="B927" s="30" t="s">
        <v>613</v>
      </c>
      <c r="C927" s="27" t="s">
        <v>1156</v>
      </c>
      <c r="D927" s="28">
        <v>42600</v>
      </c>
      <c r="E927" s="46" t="s">
        <v>2066</v>
      </c>
      <c r="F927" s="46" t="s">
        <v>2256</v>
      </c>
      <c r="G927" s="27">
        <v>4</v>
      </c>
    </row>
    <row r="928" spans="1:46" s="3" customFormat="1" ht="13.5" customHeight="1" x14ac:dyDescent="0.15">
      <c r="A928" s="3">
        <v>927</v>
      </c>
      <c r="B928" s="30" t="s">
        <v>613</v>
      </c>
      <c r="C928" s="27" t="s">
        <v>2137</v>
      </c>
      <c r="D928" s="34">
        <v>42680</v>
      </c>
      <c r="E928" s="32" t="s">
        <v>3081</v>
      </c>
      <c r="F928" s="32" t="s">
        <v>2138</v>
      </c>
      <c r="G928" s="27">
        <v>12</v>
      </c>
    </row>
    <row r="929" spans="1:46" s="3" customFormat="1" ht="13.5" customHeight="1" x14ac:dyDescent="0.15">
      <c r="A929" s="3">
        <v>928</v>
      </c>
      <c r="B929" s="30" t="s">
        <v>613</v>
      </c>
      <c r="C929" s="27" t="s">
        <v>2137</v>
      </c>
      <c r="D929" s="34">
        <v>42860</v>
      </c>
      <c r="E929" s="32" t="s">
        <v>3095</v>
      </c>
      <c r="F929" s="32" t="s">
        <v>2255</v>
      </c>
      <c r="G929" s="27">
        <v>7</v>
      </c>
    </row>
    <row r="930" spans="1:46" s="3" customFormat="1" ht="13.5" customHeight="1" x14ac:dyDescent="0.15">
      <c r="A930" s="3">
        <v>929</v>
      </c>
      <c r="B930" s="30" t="s">
        <v>613</v>
      </c>
      <c r="C930" s="27" t="s">
        <v>2137</v>
      </c>
      <c r="D930" s="34">
        <v>143030</v>
      </c>
      <c r="E930" s="32" t="s">
        <v>2319</v>
      </c>
      <c r="F930" s="32" t="s">
        <v>2320</v>
      </c>
      <c r="G930" s="27">
        <v>11</v>
      </c>
    </row>
    <row r="931" spans="1:46" s="3" customFormat="1" ht="13.5" customHeight="1" x14ac:dyDescent="0.15">
      <c r="A931" s="3">
        <v>930</v>
      </c>
      <c r="B931" s="30" t="s">
        <v>613</v>
      </c>
      <c r="C931" s="27" t="s">
        <v>2313</v>
      </c>
      <c r="D931" s="34">
        <v>143060</v>
      </c>
      <c r="E931" s="32" t="s">
        <v>2314</v>
      </c>
      <c r="F931" s="32" t="s">
        <v>2315</v>
      </c>
      <c r="G931" s="27">
        <v>6</v>
      </c>
    </row>
    <row r="932" spans="1:46" s="3" customFormat="1" ht="13.5" customHeight="1" x14ac:dyDescent="0.15">
      <c r="A932" s="3">
        <v>931</v>
      </c>
      <c r="B932" s="30" t="s">
        <v>613</v>
      </c>
      <c r="C932" s="27" t="s">
        <v>2137</v>
      </c>
      <c r="D932" s="31">
        <v>143540</v>
      </c>
      <c r="E932" s="32" t="s">
        <v>2510</v>
      </c>
      <c r="F932" s="32" t="s">
        <v>2511</v>
      </c>
      <c r="G932" s="27">
        <v>8</v>
      </c>
    </row>
    <row r="933" spans="1:46" s="3" customFormat="1" ht="13.5" customHeight="1" x14ac:dyDescent="0.15">
      <c r="A933" s="3">
        <v>932</v>
      </c>
      <c r="B933" s="30" t="s">
        <v>613</v>
      </c>
      <c r="C933" s="27" t="s">
        <v>2137</v>
      </c>
      <c r="D933" s="31">
        <v>144010</v>
      </c>
      <c r="E933" s="32" t="s">
        <v>2507</v>
      </c>
      <c r="F933" s="32" t="s">
        <v>2506</v>
      </c>
      <c r="G933" s="27">
        <v>7</v>
      </c>
    </row>
    <row r="934" spans="1:46" s="3" customFormat="1" ht="13.5" customHeight="1" x14ac:dyDescent="0.15">
      <c r="A934" s="3">
        <v>933</v>
      </c>
      <c r="B934" s="30" t="s">
        <v>613</v>
      </c>
      <c r="C934" s="27" t="s">
        <v>2137</v>
      </c>
      <c r="D934" s="31">
        <v>144710</v>
      </c>
      <c r="E934" s="29" t="s">
        <v>2647</v>
      </c>
      <c r="F934" s="29" t="s">
        <v>2670</v>
      </c>
      <c r="G934" s="27">
        <v>5</v>
      </c>
    </row>
    <row r="935" spans="1:46" s="3" customFormat="1" ht="13.5" customHeight="1" x14ac:dyDescent="0.15">
      <c r="A935" s="3">
        <v>934</v>
      </c>
      <c r="B935" s="26" t="s">
        <v>549</v>
      </c>
      <c r="C935" s="27" t="s">
        <v>2137</v>
      </c>
      <c r="D935" s="28">
        <v>145670</v>
      </c>
      <c r="E935" s="29" t="s">
        <v>2915</v>
      </c>
      <c r="F935" s="29" t="s">
        <v>2905</v>
      </c>
      <c r="G935" s="27">
        <v>8</v>
      </c>
    </row>
    <row r="936" spans="1:46" s="3" customFormat="1" ht="13.5" customHeight="1" x14ac:dyDescent="0.15">
      <c r="A936" s="3">
        <v>935</v>
      </c>
      <c r="B936" s="30" t="s">
        <v>613</v>
      </c>
      <c r="C936" s="27" t="s">
        <v>21</v>
      </c>
      <c r="D936" s="28">
        <v>146010</v>
      </c>
      <c r="E936" s="41" t="s">
        <v>3115</v>
      </c>
      <c r="F936" s="52" t="s">
        <v>2954</v>
      </c>
      <c r="G936" s="27">
        <v>9</v>
      </c>
      <c r="H936" s="2"/>
      <c r="I936" s="2"/>
      <c r="J936" s="2"/>
      <c r="K936" s="2"/>
      <c r="L936" s="2"/>
      <c r="M936" s="2"/>
      <c r="N936" s="2"/>
      <c r="O936" s="2"/>
      <c r="P936" s="2"/>
      <c r="Q936" s="2"/>
      <c r="R936" s="2"/>
      <c r="S936" s="2"/>
      <c r="T936" s="2"/>
      <c r="U936" s="2"/>
      <c r="V936" s="2"/>
      <c r="W936" s="2"/>
      <c r="X936" s="2"/>
      <c r="Y936" s="2"/>
      <c r="Z936" s="2"/>
      <c r="AA936" s="2"/>
      <c r="AB936" s="2"/>
      <c r="AC936" s="2"/>
      <c r="AD936" s="2"/>
      <c r="AE936" s="2"/>
      <c r="AF936" s="2"/>
      <c r="AG936" s="2"/>
      <c r="AH936" s="2"/>
      <c r="AI936" s="2"/>
      <c r="AJ936" s="2"/>
      <c r="AK936" s="2"/>
      <c r="AL936" s="2"/>
      <c r="AM936" s="2"/>
      <c r="AN936" s="2"/>
      <c r="AO936" s="2"/>
      <c r="AP936" s="2"/>
      <c r="AQ936" s="2"/>
      <c r="AR936" s="2"/>
      <c r="AS936" s="2"/>
      <c r="AT936" s="2"/>
    </row>
    <row r="937" spans="1:46" s="3" customFormat="1" ht="13.5" customHeight="1" x14ac:dyDescent="0.15">
      <c r="A937" s="3">
        <v>936</v>
      </c>
      <c r="B937" s="30" t="s">
        <v>613</v>
      </c>
      <c r="C937" s="39" t="s">
        <v>2137</v>
      </c>
      <c r="D937" s="33">
        <v>146540</v>
      </c>
      <c r="E937" s="40" t="s">
        <v>3148</v>
      </c>
      <c r="F937" s="29" t="s">
        <v>3177</v>
      </c>
      <c r="G937" s="27">
        <v>12</v>
      </c>
    </row>
    <row r="938" spans="1:46" s="3" customFormat="1" ht="13.5" customHeight="1" x14ac:dyDescent="0.15">
      <c r="A938" s="3">
        <v>937</v>
      </c>
      <c r="B938" s="30" t="s">
        <v>613</v>
      </c>
      <c r="C938" s="27" t="s">
        <v>3265</v>
      </c>
      <c r="D938" s="28">
        <v>146810</v>
      </c>
      <c r="E938" s="29" t="s">
        <v>3297</v>
      </c>
      <c r="F938" s="53" t="s">
        <v>3298</v>
      </c>
      <c r="G938" s="27">
        <v>11</v>
      </c>
      <c r="H938" s="2"/>
      <c r="I938" s="2"/>
      <c r="J938" s="2"/>
      <c r="K938" s="2"/>
      <c r="L938" s="2"/>
      <c r="M938" s="2"/>
      <c r="N938" s="2"/>
      <c r="O938" s="2"/>
      <c r="P938" s="2"/>
      <c r="Q938" s="2"/>
      <c r="R938" s="2"/>
      <c r="S938" s="2"/>
      <c r="T938" s="2"/>
      <c r="U938" s="2"/>
      <c r="V938" s="2"/>
      <c r="W938" s="2"/>
      <c r="X938" s="2"/>
      <c r="Y938" s="2"/>
      <c r="Z938" s="2"/>
      <c r="AA938" s="2"/>
      <c r="AB938" s="2"/>
      <c r="AC938" s="2"/>
      <c r="AD938" s="2"/>
      <c r="AE938" s="2"/>
      <c r="AF938" s="2"/>
      <c r="AG938" s="2"/>
      <c r="AH938" s="2"/>
      <c r="AI938" s="2"/>
      <c r="AJ938" s="2"/>
      <c r="AK938" s="2"/>
      <c r="AL938" s="2"/>
      <c r="AM938" s="2"/>
      <c r="AN938" s="2"/>
      <c r="AO938" s="2"/>
      <c r="AP938" s="2"/>
      <c r="AQ938" s="2"/>
      <c r="AR938" s="2"/>
      <c r="AS938" s="2"/>
      <c r="AT938" s="2"/>
    </row>
    <row r="939" spans="1:46" s="3" customFormat="1" ht="13.5" customHeight="1" x14ac:dyDescent="0.15">
      <c r="A939" s="3">
        <v>938</v>
      </c>
      <c r="B939" s="30" t="s">
        <v>613</v>
      </c>
      <c r="C939" s="27" t="s">
        <v>3265</v>
      </c>
      <c r="D939" s="28">
        <v>146820</v>
      </c>
      <c r="E939" s="29" t="s">
        <v>3299</v>
      </c>
      <c r="F939" s="53" t="s">
        <v>3300</v>
      </c>
      <c r="G939" s="27">
        <v>6</v>
      </c>
      <c r="H939" s="2"/>
      <c r="I939" s="2"/>
      <c r="J939" s="2"/>
      <c r="K939" s="2"/>
      <c r="L939" s="2"/>
      <c r="M939" s="2"/>
      <c r="N939" s="2"/>
      <c r="O939" s="2"/>
      <c r="P939" s="2"/>
      <c r="Q939" s="2"/>
      <c r="R939" s="2"/>
      <c r="S939" s="2"/>
      <c r="T939" s="2"/>
      <c r="U939" s="2"/>
      <c r="V939" s="2"/>
      <c r="W939" s="2"/>
      <c r="X939" s="2"/>
      <c r="Y939" s="2"/>
      <c r="Z939" s="2"/>
      <c r="AA939" s="2"/>
      <c r="AB939" s="2"/>
      <c r="AC939" s="2"/>
      <c r="AD939" s="2"/>
      <c r="AE939" s="2"/>
      <c r="AF939" s="2"/>
      <c r="AG939" s="2"/>
      <c r="AH939" s="2"/>
      <c r="AI939" s="2"/>
      <c r="AJ939" s="2"/>
      <c r="AK939" s="2"/>
      <c r="AL939" s="2"/>
      <c r="AM939" s="2"/>
      <c r="AN939" s="2"/>
      <c r="AO939" s="2"/>
      <c r="AP939" s="2"/>
      <c r="AQ939" s="2"/>
      <c r="AR939" s="2"/>
      <c r="AS939" s="2"/>
      <c r="AT939" s="2"/>
    </row>
    <row r="940" spans="1:46" s="3" customFormat="1" ht="13.5" customHeight="1" x14ac:dyDescent="0.15">
      <c r="A940" s="3">
        <v>939</v>
      </c>
      <c r="B940" s="30" t="s">
        <v>613</v>
      </c>
      <c r="C940" s="27" t="s">
        <v>3265</v>
      </c>
      <c r="D940" s="28">
        <v>146970</v>
      </c>
      <c r="E940" s="29" t="s">
        <v>3329</v>
      </c>
      <c r="F940" s="53" t="s">
        <v>3330</v>
      </c>
      <c r="G940" s="27">
        <v>6</v>
      </c>
      <c r="H940" s="2"/>
      <c r="I940" s="2"/>
      <c r="J940" s="2"/>
      <c r="K940" s="2"/>
      <c r="L940" s="2"/>
      <c r="M940" s="2"/>
      <c r="N940" s="2"/>
      <c r="O940" s="2"/>
      <c r="P940" s="2"/>
      <c r="Q940" s="2"/>
      <c r="R940" s="2"/>
      <c r="S940" s="2"/>
      <c r="T940" s="2"/>
      <c r="U940" s="2"/>
      <c r="V940" s="2"/>
      <c r="W940" s="2"/>
      <c r="X940" s="2"/>
      <c r="Y940" s="2"/>
      <c r="Z940" s="2"/>
      <c r="AA940" s="2"/>
      <c r="AB940" s="2"/>
      <c r="AC940" s="2"/>
      <c r="AD940" s="2"/>
      <c r="AE940" s="2"/>
      <c r="AF940" s="2"/>
      <c r="AG940" s="2"/>
      <c r="AH940" s="2"/>
      <c r="AI940" s="2"/>
      <c r="AJ940" s="2"/>
      <c r="AK940" s="2"/>
      <c r="AL940" s="2"/>
      <c r="AM940" s="2"/>
      <c r="AN940" s="2"/>
      <c r="AO940" s="2"/>
      <c r="AP940" s="2"/>
      <c r="AQ940" s="2"/>
      <c r="AR940" s="2"/>
      <c r="AS940" s="2"/>
      <c r="AT940" s="2"/>
    </row>
    <row r="941" spans="1:46" s="3" customFormat="1" ht="13.5" customHeight="1" x14ac:dyDescent="0.15">
      <c r="A941" s="3">
        <v>940</v>
      </c>
      <c r="B941" s="30" t="s">
        <v>613</v>
      </c>
      <c r="C941" s="27" t="s">
        <v>3566</v>
      </c>
      <c r="D941" s="28">
        <v>147710</v>
      </c>
      <c r="E941" s="42" t="s">
        <v>3524</v>
      </c>
      <c r="F941" s="29" t="s">
        <v>3554</v>
      </c>
      <c r="G941" s="27">
        <v>5</v>
      </c>
      <c r="H941" s="2"/>
      <c r="I941" s="2"/>
      <c r="J941" s="2"/>
      <c r="K941" s="2"/>
      <c r="L941" s="2"/>
      <c r="M941" s="2"/>
      <c r="N941" s="2"/>
      <c r="O941" s="2"/>
      <c r="P941" s="2"/>
      <c r="Q941" s="2"/>
      <c r="R941" s="2"/>
      <c r="S941" s="2"/>
      <c r="T941" s="2"/>
      <c r="U941" s="2"/>
      <c r="V941" s="2"/>
      <c r="W941" s="2"/>
      <c r="X941" s="2"/>
      <c r="Y941" s="2"/>
      <c r="Z941" s="2"/>
      <c r="AA941" s="2"/>
      <c r="AB941" s="2"/>
      <c r="AC941" s="2"/>
      <c r="AD941" s="2"/>
      <c r="AE941" s="2"/>
      <c r="AF941" s="2"/>
      <c r="AG941" s="2"/>
      <c r="AH941" s="2"/>
      <c r="AI941" s="2"/>
      <c r="AJ941" s="2"/>
      <c r="AK941" s="2"/>
      <c r="AL941" s="2"/>
      <c r="AM941" s="2"/>
      <c r="AN941" s="2"/>
      <c r="AO941" s="2"/>
      <c r="AP941" s="2"/>
      <c r="AQ941" s="2"/>
      <c r="AR941" s="2"/>
      <c r="AS941" s="2"/>
      <c r="AT941" s="2"/>
    </row>
    <row r="942" spans="1:46" s="3" customFormat="1" ht="13.5" customHeight="1" x14ac:dyDescent="0.15">
      <c r="A942" s="3">
        <v>941</v>
      </c>
      <c r="B942" s="26" t="s">
        <v>1051</v>
      </c>
      <c r="C942" s="27" t="s">
        <v>1985</v>
      </c>
      <c r="D942" s="28">
        <v>431</v>
      </c>
      <c r="E942" s="29" t="s">
        <v>612</v>
      </c>
      <c r="F942" s="29" t="s">
        <v>146</v>
      </c>
      <c r="G942" s="27">
        <v>3</v>
      </c>
      <c r="H942" s="2"/>
      <c r="I942" s="2"/>
      <c r="J942" s="2"/>
      <c r="K942" s="2"/>
      <c r="L942" s="2"/>
      <c r="M942" s="2"/>
      <c r="N942" s="2"/>
      <c r="O942" s="2"/>
      <c r="P942" s="2"/>
      <c r="Q942" s="2"/>
      <c r="R942" s="2"/>
      <c r="S942" s="2"/>
      <c r="T942" s="2"/>
      <c r="U942" s="2"/>
      <c r="V942" s="2"/>
      <c r="W942" s="2"/>
      <c r="X942" s="2"/>
      <c r="Y942" s="2"/>
      <c r="Z942" s="2"/>
      <c r="AA942" s="2"/>
      <c r="AB942" s="2"/>
      <c r="AC942" s="2"/>
      <c r="AD942" s="2"/>
      <c r="AE942" s="2"/>
      <c r="AF942" s="2"/>
      <c r="AG942" s="2"/>
      <c r="AH942" s="2"/>
      <c r="AI942" s="2"/>
      <c r="AJ942" s="2"/>
      <c r="AK942" s="2"/>
      <c r="AL942" s="2"/>
      <c r="AM942" s="2"/>
      <c r="AN942" s="2"/>
      <c r="AO942" s="2"/>
      <c r="AP942" s="2"/>
      <c r="AQ942" s="2"/>
      <c r="AR942" s="2"/>
      <c r="AS942" s="2"/>
      <c r="AT942" s="2"/>
    </row>
    <row r="943" spans="1:46" s="3" customFormat="1" ht="13.5" customHeight="1" x14ac:dyDescent="0.15">
      <c r="A943" s="3">
        <v>942</v>
      </c>
      <c r="B943" s="26" t="s">
        <v>1051</v>
      </c>
      <c r="C943" s="27" t="s">
        <v>1985</v>
      </c>
      <c r="D943" s="28">
        <v>441</v>
      </c>
      <c r="E943" s="29" t="s">
        <v>120</v>
      </c>
      <c r="F943" s="29" t="s">
        <v>150</v>
      </c>
      <c r="G943" s="27">
        <v>3</v>
      </c>
      <c r="H943" s="2"/>
      <c r="I943" s="2"/>
      <c r="J943" s="2"/>
      <c r="K943" s="2"/>
      <c r="L943" s="2"/>
      <c r="M943" s="2"/>
      <c r="N943" s="2"/>
      <c r="O943" s="2"/>
      <c r="P943" s="2"/>
      <c r="Q943" s="2"/>
      <c r="R943" s="2"/>
      <c r="S943" s="2"/>
      <c r="T943" s="2"/>
      <c r="U943" s="2"/>
      <c r="V943" s="2"/>
      <c r="W943" s="2"/>
      <c r="X943" s="2"/>
      <c r="Y943" s="2"/>
      <c r="Z943" s="2"/>
      <c r="AA943" s="2"/>
      <c r="AB943" s="2"/>
      <c r="AC943" s="2"/>
      <c r="AD943" s="2"/>
      <c r="AE943" s="2"/>
      <c r="AF943" s="2"/>
      <c r="AG943" s="2"/>
      <c r="AH943" s="2"/>
      <c r="AI943" s="2"/>
      <c r="AJ943" s="2"/>
      <c r="AK943" s="2"/>
      <c r="AL943" s="2"/>
      <c r="AM943" s="2"/>
      <c r="AN943" s="2"/>
      <c r="AO943" s="2"/>
      <c r="AP943" s="2"/>
      <c r="AQ943" s="2"/>
      <c r="AR943" s="2"/>
      <c r="AS943" s="2"/>
      <c r="AT943" s="2"/>
    </row>
    <row r="944" spans="1:46" s="3" customFormat="1" ht="13.5" customHeight="1" x14ac:dyDescent="0.15">
      <c r="A944" s="3">
        <v>943</v>
      </c>
      <c r="B944" s="26" t="s">
        <v>1051</v>
      </c>
      <c r="C944" s="27" t="s">
        <v>1985</v>
      </c>
      <c r="D944" s="28">
        <v>451</v>
      </c>
      <c r="E944" s="29" t="s">
        <v>1898</v>
      </c>
      <c r="F944" s="29" t="s">
        <v>147</v>
      </c>
      <c r="G944" s="27">
        <v>3</v>
      </c>
      <c r="H944" s="2"/>
      <c r="I944" s="2"/>
      <c r="J944" s="2"/>
      <c r="K944" s="2"/>
      <c r="L944" s="2"/>
      <c r="M944" s="2"/>
      <c r="N944" s="2"/>
      <c r="O944" s="2"/>
      <c r="P944" s="2"/>
      <c r="Q944" s="2"/>
      <c r="R944" s="2"/>
      <c r="S944" s="2"/>
      <c r="T944" s="2"/>
      <c r="U944" s="2"/>
      <c r="V944" s="2"/>
      <c r="W944" s="2"/>
      <c r="X944" s="2"/>
      <c r="Y944" s="2"/>
      <c r="Z944" s="2"/>
      <c r="AA944" s="2"/>
      <c r="AB944" s="2"/>
      <c r="AC944" s="2"/>
      <c r="AD944" s="2"/>
      <c r="AE944" s="2"/>
      <c r="AF944" s="2"/>
      <c r="AG944" s="2"/>
      <c r="AH944" s="2"/>
      <c r="AI944" s="2"/>
      <c r="AJ944" s="2"/>
      <c r="AK944" s="2"/>
      <c r="AL944" s="2"/>
      <c r="AM944" s="2"/>
      <c r="AN944" s="2"/>
      <c r="AO944" s="2"/>
      <c r="AP944" s="2"/>
      <c r="AQ944" s="2"/>
      <c r="AR944" s="2"/>
      <c r="AS944" s="2"/>
      <c r="AT944" s="2"/>
    </row>
    <row r="945" spans="1:46" s="3" customFormat="1" ht="13.5" customHeight="1" x14ac:dyDescent="0.15">
      <c r="A945" s="3">
        <v>944</v>
      </c>
      <c r="B945" s="26" t="s">
        <v>1051</v>
      </c>
      <c r="C945" s="27" t="s">
        <v>1985</v>
      </c>
      <c r="D945" s="28">
        <v>461</v>
      </c>
      <c r="E945" s="29" t="s">
        <v>123</v>
      </c>
      <c r="F945" s="29" t="s">
        <v>3587</v>
      </c>
      <c r="G945" s="27">
        <v>3</v>
      </c>
      <c r="H945" s="2"/>
      <c r="I945" s="2"/>
      <c r="J945" s="2"/>
      <c r="K945" s="2"/>
      <c r="L945" s="2"/>
      <c r="M945" s="2"/>
      <c r="N945" s="2"/>
      <c r="O945" s="2"/>
      <c r="P945" s="2"/>
      <c r="Q945" s="2"/>
      <c r="R945" s="2"/>
      <c r="S945" s="2"/>
      <c r="T945" s="2"/>
      <c r="U945" s="2"/>
      <c r="V945" s="2"/>
      <c r="W945" s="2"/>
      <c r="X945" s="2"/>
      <c r="Y945" s="2"/>
      <c r="Z945" s="2"/>
      <c r="AA945" s="2"/>
      <c r="AB945" s="2"/>
      <c r="AC945" s="2"/>
      <c r="AD945" s="2"/>
      <c r="AE945" s="2"/>
      <c r="AF945" s="2"/>
      <c r="AG945" s="2"/>
      <c r="AH945" s="2"/>
      <c r="AI945" s="2"/>
      <c r="AJ945" s="2"/>
      <c r="AK945" s="2"/>
      <c r="AL945" s="2"/>
      <c r="AM945" s="2"/>
      <c r="AN945" s="2"/>
      <c r="AO945" s="2"/>
      <c r="AP945" s="2"/>
      <c r="AQ945" s="2"/>
      <c r="AR945" s="2"/>
      <c r="AS945" s="2"/>
      <c r="AT945" s="2"/>
    </row>
    <row r="946" spans="1:46" s="3" customFormat="1" ht="13.5" customHeight="1" x14ac:dyDescent="0.15">
      <c r="A946" s="3">
        <v>945</v>
      </c>
      <c r="B946" s="26" t="s">
        <v>1051</v>
      </c>
      <c r="C946" s="27" t="s">
        <v>1985</v>
      </c>
      <c r="D946" s="28">
        <v>471</v>
      </c>
      <c r="E946" s="29" t="s">
        <v>1896</v>
      </c>
      <c r="F946" s="29" t="s">
        <v>3588</v>
      </c>
      <c r="G946" s="27">
        <v>6</v>
      </c>
      <c r="H946" s="2"/>
      <c r="I946" s="2"/>
      <c r="J946" s="2"/>
      <c r="K946" s="2"/>
      <c r="L946" s="2"/>
      <c r="M946" s="2"/>
      <c r="N946" s="2"/>
      <c r="O946" s="2"/>
      <c r="P946" s="2"/>
      <c r="Q946" s="2"/>
      <c r="R946" s="2"/>
      <c r="S946" s="2"/>
      <c r="T946" s="2"/>
      <c r="U946" s="2"/>
      <c r="V946" s="2"/>
      <c r="W946" s="2"/>
      <c r="X946" s="2"/>
      <c r="Y946" s="2"/>
      <c r="Z946" s="2"/>
      <c r="AA946" s="2"/>
      <c r="AB946" s="2"/>
      <c r="AC946" s="2"/>
      <c r="AD946" s="2"/>
      <c r="AE946" s="2"/>
      <c r="AF946" s="2"/>
      <c r="AG946" s="2"/>
      <c r="AH946" s="2"/>
      <c r="AI946" s="2"/>
      <c r="AJ946" s="2"/>
      <c r="AK946" s="2"/>
      <c r="AL946" s="2"/>
      <c r="AM946" s="2"/>
      <c r="AN946" s="2"/>
      <c r="AO946" s="2"/>
      <c r="AP946" s="2"/>
      <c r="AQ946" s="2"/>
      <c r="AR946" s="2"/>
      <c r="AS946" s="2"/>
      <c r="AT946" s="2"/>
    </row>
    <row r="947" spans="1:46" s="3" customFormat="1" ht="13.5" customHeight="1" x14ac:dyDescent="0.15">
      <c r="A947" s="3">
        <v>946</v>
      </c>
      <c r="B947" s="26" t="s">
        <v>1051</v>
      </c>
      <c r="C947" s="27" t="s">
        <v>1985</v>
      </c>
      <c r="D947" s="28">
        <v>481</v>
      </c>
      <c r="E947" s="29" t="s">
        <v>220</v>
      </c>
      <c r="F947" s="29" t="s">
        <v>662</v>
      </c>
      <c r="G947" s="27">
        <v>3</v>
      </c>
      <c r="H947" s="2"/>
      <c r="I947" s="2"/>
      <c r="J947" s="2"/>
      <c r="K947" s="2"/>
      <c r="L947" s="2"/>
      <c r="M947" s="2"/>
      <c r="N947" s="2"/>
      <c r="O947" s="2"/>
      <c r="P947" s="2"/>
      <c r="Q947" s="2"/>
      <c r="R947" s="2"/>
      <c r="S947" s="2"/>
      <c r="T947" s="2"/>
      <c r="U947" s="2"/>
      <c r="V947" s="2"/>
      <c r="W947" s="2"/>
      <c r="X947" s="2"/>
      <c r="Y947" s="2"/>
      <c r="Z947" s="2"/>
      <c r="AA947" s="2"/>
      <c r="AB947" s="2"/>
      <c r="AC947" s="2"/>
      <c r="AD947" s="2"/>
      <c r="AE947" s="2"/>
      <c r="AF947" s="2"/>
      <c r="AG947" s="2"/>
      <c r="AH947" s="2"/>
      <c r="AI947" s="2"/>
      <c r="AJ947" s="2"/>
      <c r="AK947" s="2"/>
      <c r="AL947" s="2"/>
      <c r="AM947" s="2"/>
      <c r="AN947" s="2"/>
      <c r="AO947" s="2"/>
      <c r="AP947" s="2"/>
      <c r="AQ947" s="2"/>
      <c r="AR947" s="2"/>
      <c r="AS947" s="2"/>
      <c r="AT947" s="2"/>
    </row>
    <row r="948" spans="1:46" s="3" customFormat="1" ht="13.5" customHeight="1" x14ac:dyDescent="0.15">
      <c r="A948" s="3">
        <v>947</v>
      </c>
      <c r="B948" s="26" t="s">
        <v>1051</v>
      </c>
      <c r="C948" s="27" t="s">
        <v>1985</v>
      </c>
      <c r="D948" s="28">
        <v>491</v>
      </c>
      <c r="E948" s="29" t="s">
        <v>552</v>
      </c>
      <c r="F948" s="29" t="s">
        <v>237</v>
      </c>
      <c r="G948" s="27">
        <v>3</v>
      </c>
      <c r="H948" s="2"/>
      <c r="I948" s="2"/>
      <c r="J948" s="2"/>
      <c r="K948" s="2"/>
      <c r="L948" s="2"/>
      <c r="M948" s="2"/>
      <c r="N948" s="2"/>
      <c r="O948" s="2"/>
      <c r="P948" s="2"/>
      <c r="Q948" s="2"/>
      <c r="R948" s="2"/>
      <c r="S948" s="2"/>
      <c r="T948" s="2"/>
      <c r="U948" s="2"/>
      <c r="V948" s="2"/>
      <c r="W948" s="2"/>
      <c r="X948" s="2"/>
      <c r="Y948" s="2"/>
      <c r="Z948" s="2"/>
      <c r="AA948" s="2"/>
      <c r="AB948" s="2"/>
      <c r="AC948" s="2"/>
      <c r="AD948" s="2"/>
      <c r="AE948" s="2"/>
      <c r="AF948" s="2"/>
      <c r="AG948" s="2"/>
      <c r="AH948" s="2"/>
      <c r="AI948" s="2"/>
      <c r="AJ948" s="2"/>
      <c r="AK948" s="2"/>
      <c r="AL948" s="2"/>
      <c r="AM948" s="2"/>
      <c r="AN948" s="2"/>
      <c r="AO948" s="2"/>
      <c r="AP948" s="2"/>
      <c r="AQ948" s="2"/>
      <c r="AR948" s="2"/>
      <c r="AS948" s="2"/>
      <c r="AT948" s="2"/>
    </row>
    <row r="949" spans="1:46" s="3" customFormat="1" ht="13.5" customHeight="1" x14ac:dyDescent="0.15">
      <c r="A949" s="3">
        <v>948</v>
      </c>
      <c r="B949" s="26" t="s">
        <v>1051</v>
      </c>
      <c r="C949" s="27" t="s">
        <v>1985</v>
      </c>
      <c r="D949" s="28">
        <v>501</v>
      </c>
      <c r="E949" s="29" t="s">
        <v>288</v>
      </c>
      <c r="F949" s="29" t="s">
        <v>148</v>
      </c>
      <c r="G949" s="27">
        <v>3</v>
      </c>
      <c r="H949" s="2"/>
      <c r="I949" s="2"/>
      <c r="J949" s="2"/>
      <c r="K949" s="2"/>
      <c r="L949" s="2"/>
      <c r="M949" s="2"/>
      <c r="N949" s="2"/>
      <c r="O949" s="2"/>
      <c r="P949" s="2"/>
      <c r="Q949" s="2"/>
      <c r="R949" s="2"/>
      <c r="S949" s="2"/>
      <c r="T949" s="2"/>
      <c r="U949" s="2"/>
      <c r="V949" s="2"/>
      <c r="W949" s="2"/>
      <c r="X949" s="2"/>
      <c r="Y949" s="2"/>
      <c r="Z949" s="2"/>
      <c r="AA949" s="2"/>
      <c r="AB949" s="2"/>
      <c r="AC949" s="2"/>
      <c r="AD949" s="2"/>
      <c r="AE949" s="2"/>
      <c r="AF949" s="2"/>
      <c r="AG949" s="2"/>
      <c r="AH949" s="2"/>
      <c r="AI949" s="2"/>
      <c r="AJ949" s="2"/>
      <c r="AK949" s="2"/>
      <c r="AL949" s="2"/>
      <c r="AM949" s="2"/>
      <c r="AN949" s="2"/>
      <c r="AO949" s="2"/>
      <c r="AP949" s="2"/>
      <c r="AQ949" s="2"/>
      <c r="AR949" s="2"/>
      <c r="AS949" s="2"/>
      <c r="AT949" s="2"/>
    </row>
    <row r="950" spans="1:46" s="3" customFormat="1" ht="13.5" customHeight="1" x14ac:dyDescent="0.15">
      <c r="A950" s="3">
        <v>949</v>
      </c>
      <c r="B950" s="26" t="s">
        <v>1051</v>
      </c>
      <c r="C950" s="27" t="s">
        <v>1985</v>
      </c>
      <c r="D950" s="28">
        <v>521</v>
      </c>
      <c r="E950" s="29" t="s">
        <v>1956</v>
      </c>
      <c r="F950" s="29" t="s">
        <v>149</v>
      </c>
      <c r="G950" s="27">
        <v>3</v>
      </c>
      <c r="H950" s="2"/>
      <c r="I950" s="2"/>
      <c r="J950" s="2"/>
      <c r="K950" s="2"/>
      <c r="L950" s="2"/>
      <c r="M950" s="2"/>
      <c r="N950" s="2"/>
      <c r="O950" s="2"/>
      <c r="P950" s="2"/>
      <c r="Q950" s="2"/>
      <c r="R950" s="2"/>
      <c r="S950" s="2"/>
      <c r="T950" s="2"/>
      <c r="U950" s="2"/>
      <c r="V950" s="2"/>
      <c r="W950" s="2"/>
      <c r="X950" s="2"/>
      <c r="Y950" s="2"/>
      <c r="Z950" s="2"/>
      <c r="AA950" s="2"/>
      <c r="AB950" s="2"/>
      <c r="AC950" s="2"/>
      <c r="AD950" s="2"/>
      <c r="AE950" s="2"/>
      <c r="AF950" s="2"/>
      <c r="AG950" s="2"/>
      <c r="AH950" s="2"/>
      <c r="AI950" s="2"/>
      <c r="AJ950" s="2"/>
      <c r="AK950" s="2"/>
      <c r="AL950" s="2"/>
      <c r="AM950" s="2"/>
      <c r="AN950" s="2"/>
      <c r="AO950" s="2"/>
      <c r="AP950" s="2"/>
      <c r="AQ950" s="2"/>
      <c r="AR950" s="2"/>
      <c r="AS950" s="2"/>
      <c r="AT950" s="2"/>
    </row>
    <row r="951" spans="1:46" s="3" customFormat="1" ht="13.5" customHeight="1" x14ac:dyDescent="0.15">
      <c r="A951" s="3">
        <v>950</v>
      </c>
      <c r="B951" s="26" t="s">
        <v>1051</v>
      </c>
      <c r="C951" s="27" t="s">
        <v>1985</v>
      </c>
      <c r="D951" s="28">
        <v>531</v>
      </c>
      <c r="E951" s="29" t="s">
        <v>1954</v>
      </c>
      <c r="F951" s="29" t="s">
        <v>1071</v>
      </c>
      <c r="G951" s="27">
        <v>3</v>
      </c>
      <c r="H951" s="2"/>
      <c r="I951" s="2"/>
      <c r="J951" s="2"/>
      <c r="K951" s="2"/>
      <c r="L951" s="2"/>
      <c r="M951" s="2"/>
      <c r="N951" s="2"/>
      <c r="O951" s="2"/>
      <c r="P951" s="2"/>
      <c r="Q951" s="2"/>
      <c r="R951" s="2"/>
      <c r="S951" s="2"/>
      <c r="T951" s="2"/>
      <c r="U951" s="2"/>
      <c r="V951" s="2"/>
      <c r="W951" s="2"/>
      <c r="X951" s="2"/>
      <c r="Y951" s="2"/>
      <c r="Z951" s="2"/>
      <c r="AA951" s="2"/>
      <c r="AB951" s="2"/>
      <c r="AC951" s="2"/>
      <c r="AD951" s="2"/>
      <c r="AE951" s="2"/>
      <c r="AF951" s="2"/>
      <c r="AG951" s="2"/>
      <c r="AH951" s="2"/>
      <c r="AI951" s="2"/>
      <c r="AJ951" s="2"/>
      <c r="AK951" s="2"/>
      <c r="AL951" s="2"/>
      <c r="AM951" s="2"/>
      <c r="AN951" s="2"/>
      <c r="AO951" s="2"/>
      <c r="AP951" s="2"/>
      <c r="AQ951" s="2"/>
      <c r="AR951" s="2"/>
      <c r="AS951" s="2"/>
      <c r="AT951" s="2"/>
    </row>
    <row r="952" spans="1:46" s="3" customFormat="1" ht="13.5" customHeight="1" x14ac:dyDescent="0.15">
      <c r="A952" s="3">
        <v>951</v>
      </c>
      <c r="B952" s="26" t="s">
        <v>1895</v>
      </c>
      <c r="C952" s="27" t="s">
        <v>1985</v>
      </c>
      <c r="D952" s="28">
        <v>951</v>
      </c>
      <c r="E952" s="29" t="s">
        <v>3335</v>
      </c>
      <c r="F952" s="29" t="s">
        <v>3336</v>
      </c>
      <c r="G952" s="27">
        <v>3</v>
      </c>
      <c r="H952" s="2"/>
      <c r="I952" s="2"/>
      <c r="J952" s="2"/>
      <c r="K952" s="2"/>
      <c r="L952" s="2"/>
      <c r="M952" s="2"/>
      <c r="N952" s="2"/>
      <c r="O952" s="2"/>
      <c r="P952" s="2"/>
      <c r="Q952" s="2"/>
      <c r="R952" s="2"/>
      <c r="S952" s="2"/>
      <c r="T952" s="2"/>
      <c r="U952" s="2"/>
      <c r="V952" s="2"/>
      <c r="W952" s="2"/>
      <c r="X952" s="2"/>
      <c r="Y952" s="2"/>
      <c r="Z952" s="2"/>
      <c r="AA952" s="2"/>
      <c r="AB952" s="2"/>
      <c r="AC952" s="2"/>
      <c r="AD952" s="2"/>
      <c r="AE952" s="2"/>
      <c r="AF952" s="2"/>
      <c r="AG952" s="2"/>
      <c r="AH952" s="2"/>
      <c r="AI952" s="2"/>
      <c r="AJ952" s="2"/>
      <c r="AK952" s="2"/>
      <c r="AL952" s="2"/>
      <c r="AM952" s="2"/>
      <c r="AN952" s="2"/>
      <c r="AO952" s="2"/>
      <c r="AP952" s="2"/>
      <c r="AQ952" s="2"/>
      <c r="AR952" s="2"/>
      <c r="AS952" s="2"/>
      <c r="AT952" s="2"/>
    </row>
    <row r="953" spans="1:46" s="3" customFormat="1" ht="13.5" customHeight="1" x14ac:dyDescent="0.15">
      <c r="A953" s="3">
        <v>952</v>
      </c>
      <c r="B953" s="30" t="s">
        <v>613</v>
      </c>
      <c r="C953" s="27" t="s">
        <v>1985</v>
      </c>
      <c r="D953" s="31">
        <v>2880</v>
      </c>
      <c r="E953" s="32" t="s">
        <v>1221</v>
      </c>
      <c r="F953" s="32" t="s">
        <v>1313</v>
      </c>
      <c r="G953" s="27">
        <v>8</v>
      </c>
    </row>
    <row r="954" spans="1:46" s="3" customFormat="1" ht="13.5" customHeight="1" x14ac:dyDescent="0.15">
      <c r="A954" s="3">
        <v>953</v>
      </c>
      <c r="B954" s="30" t="s">
        <v>613</v>
      </c>
      <c r="C954" s="27" t="s">
        <v>1985</v>
      </c>
      <c r="D954" s="31">
        <v>2990</v>
      </c>
      <c r="E954" s="32" t="s">
        <v>1891</v>
      </c>
      <c r="F954" s="32" t="s">
        <v>1357</v>
      </c>
      <c r="G954" s="27">
        <v>6</v>
      </c>
    </row>
    <row r="955" spans="1:46" s="3" customFormat="1" ht="13.5" customHeight="1" x14ac:dyDescent="0.15">
      <c r="A955" s="3">
        <v>954</v>
      </c>
      <c r="B955" s="30" t="s">
        <v>613</v>
      </c>
      <c r="C955" s="27" t="s">
        <v>1985</v>
      </c>
      <c r="D955" s="31">
        <v>3540</v>
      </c>
      <c r="E955" s="32" t="s">
        <v>2082</v>
      </c>
      <c r="F955" s="32" t="s">
        <v>911</v>
      </c>
      <c r="G955" s="27">
        <v>8</v>
      </c>
    </row>
    <row r="956" spans="1:46" s="3" customFormat="1" ht="13.5" customHeight="1" x14ac:dyDescent="0.15">
      <c r="A956" s="3">
        <v>955</v>
      </c>
      <c r="B956" s="30" t="s">
        <v>613</v>
      </c>
      <c r="C956" s="27" t="s">
        <v>1985</v>
      </c>
      <c r="D956" s="31">
        <v>4170</v>
      </c>
      <c r="E956" s="32" t="s">
        <v>961</v>
      </c>
      <c r="F956" s="32" t="s">
        <v>2094</v>
      </c>
      <c r="G956" s="27">
        <v>12</v>
      </c>
    </row>
    <row r="957" spans="1:46" s="3" customFormat="1" ht="13.5" customHeight="1" x14ac:dyDescent="0.15">
      <c r="A957" s="3">
        <v>956</v>
      </c>
      <c r="B957" s="30" t="s">
        <v>613</v>
      </c>
      <c r="C957" s="27" t="s">
        <v>1985</v>
      </c>
      <c r="D957" s="31">
        <v>4830</v>
      </c>
      <c r="E957" s="32" t="s">
        <v>1534</v>
      </c>
      <c r="F957" s="32" t="s">
        <v>1200</v>
      </c>
      <c r="G957" s="27">
        <v>6</v>
      </c>
    </row>
    <row r="958" spans="1:46" s="3" customFormat="1" ht="13.5" customHeight="1" x14ac:dyDescent="0.15">
      <c r="A958" s="3">
        <v>957</v>
      </c>
      <c r="B958" s="30" t="s">
        <v>613</v>
      </c>
      <c r="C958" s="27" t="s">
        <v>1985</v>
      </c>
      <c r="D958" s="31">
        <v>4880</v>
      </c>
      <c r="E958" s="32" t="s">
        <v>1535</v>
      </c>
      <c r="F958" s="32" t="s">
        <v>2094</v>
      </c>
      <c r="G958" s="27">
        <v>8</v>
      </c>
    </row>
    <row r="959" spans="1:46" s="3" customFormat="1" ht="13.5" customHeight="1" x14ac:dyDescent="0.15">
      <c r="A959" s="3">
        <v>958</v>
      </c>
      <c r="B959" s="30" t="s">
        <v>613</v>
      </c>
      <c r="C959" s="27" t="s">
        <v>1985</v>
      </c>
      <c r="D959" s="31">
        <v>5550</v>
      </c>
      <c r="E959" s="32" t="s">
        <v>314</v>
      </c>
      <c r="F959" s="32" t="s">
        <v>1614</v>
      </c>
      <c r="G959" s="27">
        <v>12</v>
      </c>
    </row>
    <row r="960" spans="1:46" s="3" customFormat="1" ht="13.5" customHeight="1" x14ac:dyDescent="0.15">
      <c r="A960" s="3">
        <v>959</v>
      </c>
      <c r="B960" s="30" t="s">
        <v>613</v>
      </c>
      <c r="C960" s="27" t="s">
        <v>1985</v>
      </c>
      <c r="D960" s="31">
        <v>6200</v>
      </c>
      <c r="E960" s="32" t="s">
        <v>389</v>
      </c>
      <c r="F960" s="32" t="s">
        <v>559</v>
      </c>
      <c r="G960" s="27">
        <v>12</v>
      </c>
      <c r="H960" s="4"/>
      <c r="I960" s="4"/>
      <c r="J960" s="4"/>
      <c r="K960" s="4"/>
      <c r="L960" s="4"/>
      <c r="M960" s="4"/>
      <c r="N960" s="4"/>
      <c r="O960" s="4"/>
      <c r="P960" s="4"/>
      <c r="Q960" s="4"/>
      <c r="R960" s="4"/>
      <c r="S960" s="4"/>
      <c r="T960" s="4"/>
      <c r="U960" s="4"/>
      <c r="V960" s="4"/>
      <c r="W960" s="4"/>
      <c r="X960" s="4"/>
      <c r="Y960" s="4"/>
      <c r="Z960" s="4"/>
      <c r="AA960" s="4"/>
      <c r="AB960" s="4"/>
      <c r="AC960" s="4"/>
      <c r="AD960" s="4"/>
      <c r="AE960" s="4"/>
      <c r="AF960" s="4"/>
      <c r="AG960" s="4"/>
      <c r="AH960" s="4"/>
      <c r="AI960" s="4"/>
      <c r="AJ960" s="4"/>
      <c r="AK960" s="4"/>
      <c r="AL960" s="4"/>
      <c r="AM960" s="4"/>
      <c r="AN960" s="4"/>
      <c r="AO960" s="4"/>
      <c r="AP960" s="4"/>
      <c r="AQ960" s="4"/>
      <c r="AR960" s="4"/>
      <c r="AS960" s="4"/>
      <c r="AT960" s="4"/>
    </row>
    <row r="961" spans="1:46" s="3" customFormat="1" ht="13.5" customHeight="1" x14ac:dyDescent="0.15">
      <c r="A961" s="3">
        <v>960</v>
      </c>
      <c r="B961" s="30" t="s">
        <v>613</v>
      </c>
      <c r="C961" s="27" t="s">
        <v>1985</v>
      </c>
      <c r="D961" s="31">
        <v>6940</v>
      </c>
      <c r="E961" s="32" t="s">
        <v>833</v>
      </c>
      <c r="F961" s="32" t="s">
        <v>1610</v>
      </c>
      <c r="G961" s="27">
        <v>6</v>
      </c>
    </row>
    <row r="962" spans="1:46" s="3" customFormat="1" ht="13.5" customHeight="1" x14ac:dyDescent="0.15">
      <c r="A962" s="3">
        <v>961</v>
      </c>
      <c r="B962" s="30" t="s">
        <v>613</v>
      </c>
      <c r="C962" s="27" t="s">
        <v>1985</v>
      </c>
      <c r="D962" s="31">
        <v>7760</v>
      </c>
      <c r="E962" s="32" t="s">
        <v>429</v>
      </c>
      <c r="F962" s="32" t="s">
        <v>1190</v>
      </c>
      <c r="G962" s="27">
        <v>1</v>
      </c>
    </row>
    <row r="963" spans="1:46" s="3" customFormat="1" ht="13.5" customHeight="1" x14ac:dyDescent="0.15">
      <c r="A963" s="3">
        <v>962</v>
      </c>
      <c r="B963" s="30" t="s">
        <v>613</v>
      </c>
      <c r="C963" s="27" t="s">
        <v>1985</v>
      </c>
      <c r="D963" s="31">
        <v>8020</v>
      </c>
      <c r="E963" s="32" t="s">
        <v>670</v>
      </c>
      <c r="F963" s="32" t="s">
        <v>1918</v>
      </c>
      <c r="G963" s="27">
        <v>3</v>
      </c>
    </row>
    <row r="964" spans="1:46" s="3" customFormat="1" ht="13.5" customHeight="1" x14ac:dyDescent="0.15">
      <c r="A964" s="3">
        <v>963</v>
      </c>
      <c r="B964" s="30" t="s">
        <v>613</v>
      </c>
      <c r="C964" s="27" t="s">
        <v>1985</v>
      </c>
      <c r="D964" s="31">
        <v>8090</v>
      </c>
      <c r="E964" s="32" t="s">
        <v>672</v>
      </c>
      <c r="F964" s="32" t="s">
        <v>2109</v>
      </c>
      <c r="G964" s="27">
        <v>4</v>
      </c>
    </row>
    <row r="965" spans="1:46" s="3" customFormat="1" ht="13.5" customHeight="1" x14ac:dyDescent="0.15">
      <c r="A965" s="3">
        <v>964</v>
      </c>
      <c r="B965" s="30" t="s">
        <v>613</v>
      </c>
      <c r="C965" s="27" t="s">
        <v>1985</v>
      </c>
      <c r="D965" s="31">
        <v>9070</v>
      </c>
      <c r="E965" s="32" t="s">
        <v>1776</v>
      </c>
      <c r="F965" s="32" t="s">
        <v>555</v>
      </c>
      <c r="G965" s="27">
        <v>6</v>
      </c>
    </row>
    <row r="966" spans="1:46" s="3" customFormat="1" ht="13.5" customHeight="1" x14ac:dyDescent="0.15">
      <c r="A966" s="3">
        <v>965</v>
      </c>
      <c r="B966" s="30" t="s">
        <v>613</v>
      </c>
      <c r="C966" s="27" t="s">
        <v>776</v>
      </c>
      <c r="D966" s="31">
        <v>9640</v>
      </c>
      <c r="E966" s="32" t="s">
        <v>1334</v>
      </c>
      <c r="F966" s="32" t="s">
        <v>1606</v>
      </c>
      <c r="G966" s="27">
        <v>11</v>
      </c>
    </row>
    <row r="967" spans="1:46" s="3" customFormat="1" ht="13.5" customHeight="1" x14ac:dyDescent="0.15">
      <c r="A967" s="3">
        <v>966</v>
      </c>
      <c r="B967" s="30" t="s">
        <v>613</v>
      </c>
      <c r="C967" s="27" t="s">
        <v>1985</v>
      </c>
      <c r="D967" s="31">
        <v>10340</v>
      </c>
      <c r="E967" s="32" t="s">
        <v>2790</v>
      </c>
      <c r="F967" s="32" t="s">
        <v>1607</v>
      </c>
      <c r="G967" s="27">
        <v>6</v>
      </c>
    </row>
    <row r="968" spans="1:46" ht="13.5" customHeight="1" x14ac:dyDescent="0.15">
      <c r="A968" s="3">
        <v>967</v>
      </c>
      <c r="B968" s="30" t="s">
        <v>613</v>
      </c>
      <c r="C968" s="27" t="s">
        <v>1985</v>
      </c>
      <c r="D968" s="31">
        <v>10620</v>
      </c>
      <c r="E968" s="32" t="s">
        <v>1775</v>
      </c>
      <c r="F968" s="32" t="s">
        <v>490</v>
      </c>
      <c r="G968" s="27">
        <v>6</v>
      </c>
      <c r="H968" s="3"/>
      <c r="I968" s="3"/>
      <c r="J968" s="3"/>
      <c r="K968" s="3"/>
      <c r="L968" s="3"/>
      <c r="M968" s="3"/>
      <c r="N968" s="3"/>
      <c r="O968" s="3"/>
      <c r="P968" s="3"/>
      <c r="Q968" s="3"/>
      <c r="R968" s="3"/>
      <c r="S968" s="3"/>
      <c r="T968" s="3"/>
      <c r="U968" s="3"/>
      <c r="V968" s="3"/>
      <c r="W968" s="3"/>
      <c r="X968" s="3"/>
      <c r="Y968" s="3"/>
      <c r="Z968" s="3"/>
      <c r="AA968" s="3"/>
      <c r="AB968" s="3"/>
      <c r="AC968" s="3"/>
      <c r="AD968" s="3"/>
      <c r="AE968" s="3"/>
      <c r="AF968" s="3"/>
      <c r="AG968" s="3"/>
      <c r="AH968" s="3"/>
      <c r="AI968" s="3"/>
      <c r="AJ968" s="3"/>
      <c r="AK968" s="3"/>
      <c r="AL968" s="3"/>
      <c r="AM968" s="3"/>
      <c r="AN968" s="3"/>
      <c r="AO968" s="3"/>
      <c r="AP968" s="3"/>
      <c r="AQ968" s="3"/>
      <c r="AR968" s="3"/>
      <c r="AS968" s="3"/>
      <c r="AT968" s="3"/>
    </row>
    <row r="969" spans="1:46" s="3" customFormat="1" ht="13.5" customHeight="1" x14ac:dyDescent="0.15">
      <c r="A969" s="3">
        <v>968</v>
      </c>
      <c r="B969" s="30" t="s">
        <v>613</v>
      </c>
      <c r="C969" s="27" t="s">
        <v>1985</v>
      </c>
      <c r="D969" s="31">
        <v>11040</v>
      </c>
      <c r="E969" s="32" t="s">
        <v>1486</v>
      </c>
      <c r="F969" s="32" t="s">
        <v>455</v>
      </c>
      <c r="G969" s="27">
        <v>11</v>
      </c>
    </row>
    <row r="970" spans="1:46" s="3" customFormat="1" ht="13.5" customHeight="1" x14ac:dyDescent="0.15">
      <c r="A970" s="3">
        <v>969</v>
      </c>
      <c r="B970" s="30" t="s">
        <v>613</v>
      </c>
      <c r="C970" s="27" t="s">
        <v>1985</v>
      </c>
      <c r="D970" s="31">
        <v>12010</v>
      </c>
      <c r="E970" s="32" t="s">
        <v>1341</v>
      </c>
      <c r="F970" s="32" t="s">
        <v>556</v>
      </c>
      <c r="G970" s="27">
        <v>12</v>
      </c>
    </row>
    <row r="971" spans="1:46" s="3" customFormat="1" ht="13.5" customHeight="1" x14ac:dyDescent="0.15">
      <c r="A971" s="3">
        <v>970</v>
      </c>
      <c r="B971" s="30" t="s">
        <v>613</v>
      </c>
      <c r="C971" s="27" t="s">
        <v>1985</v>
      </c>
      <c r="D971" s="31">
        <v>12150</v>
      </c>
      <c r="E971" s="32" t="s">
        <v>2411</v>
      </c>
      <c r="F971" s="32" t="s">
        <v>2091</v>
      </c>
      <c r="G971" s="27">
        <v>9</v>
      </c>
    </row>
    <row r="972" spans="1:46" s="3" customFormat="1" ht="13.5" customHeight="1" x14ac:dyDescent="0.15">
      <c r="A972" s="3">
        <v>971</v>
      </c>
      <c r="B972" s="30" t="s">
        <v>613</v>
      </c>
      <c r="C972" s="27" t="s">
        <v>1985</v>
      </c>
      <c r="D972" s="31">
        <v>13160</v>
      </c>
      <c r="E972" s="32" t="s">
        <v>755</v>
      </c>
      <c r="F972" s="32" t="s">
        <v>1609</v>
      </c>
      <c r="G972" s="27">
        <v>4</v>
      </c>
    </row>
    <row r="973" spans="1:46" s="3" customFormat="1" ht="13.5" customHeight="1" x14ac:dyDescent="0.15">
      <c r="A973" s="3">
        <v>972</v>
      </c>
      <c r="B973" s="30" t="s">
        <v>613</v>
      </c>
      <c r="C973" s="27" t="s">
        <v>1985</v>
      </c>
      <c r="D973" s="31">
        <v>13850</v>
      </c>
      <c r="E973" s="32" t="s">
        <v>737</v>
      </c>
      <c r="F973" s="32" t="s">
        <v>1358</v>
      </c>
      <c r="G973" s="27">
        <v>6</v>
      </c>
    </row>
    <row r="974" spans="1:46" s="3" customFormat="1" ht="13.5" customHeight="1" x14ac:dyDescent="0.15">
      <c r="A974" s="3">
        <v>973</v>
      </c>
      <c r="B974" s="30" t="s">
        <v>613</v>
      </c>
      <c r="C974" s="27" t="s">
        <v>1985</v>
      </c>
      <c r="D974" s="31">
        <v>15000</v>
      </c>
      <c r="E974" s="32" t="s">
        <v>9</v>
      </c>
      <c r="F974" s="32" t="s">
        <v>2087</v>
      </c>
      <c r="G974" s="27">
        <v>9</v>
      </c>
    </row>
    <row r="975" spans="1:46" s="3" customFormat="1" ht="13.5" customHeight="1" x14ac:dyDescent="0.15">
      <c r="A975" s="3">
        <v>974</v>
      </c>
      <c r="B975" s="30" t="s">
        <v>613</v>
      </c>
      <c r="C975" s="27" t="s">
        <v>1985</v>
      </c>
      <c r="D975" s="31">
        <v>19730</v>
      </c>
      <c r="E975" s="32" t="s">
        <v>852</v>
      </c>
      <c r="F975" s="32" t="s">
        <v>554</v>
      </c>
      <c r="G975" s="27">
        <v>5</v>
      </c>
    </row>
    <row r="976" spans="1:46" s="3" customFormat="1" ht="13.5" customHeight="1" x14ac:dyDescent="0.15">
      <c r="A976" s="3">
        <v>975</v>
      </c>
      <c r="B976" s="30" t="s">
        <v>613</v>
      </c>
      <c r="C976" s="27" t="s">
        <v>1985</v>
      </c>
      <c r="D976" s="31">
        <v>19860</v>
      </c>
      <c r="E976" s="32" t="s">
        <v>854</v>
      </c>
      <c r="F976" s="32" t="s">
        <v>1471</v>
      </c>
      <c r="G976" s="27">
        <v>10</v>
      </c>
    </row>
    <row r="977" spans="1:46" s="3" customFormat="1" ht="13.5" customHeight="1" x14ac:dyDescent="0.15">
      <c r="A977" s="3">
        <v>976</v>
      </c>
      <c r="B977" s="30" t="s">
        <v>613</v>
      </c>
      <c r="C977" s="27" t="s">
        <v>1985</v>
      </c>
      <c r="D977" s="31">
        <v>20030</v>
      </c>
      <c r="E977" s="32" t="s">
        <v>731</v>
      </c>
      <c r="F977" s="32" t="s">
        <v>1315</v>
      </c>
      <c r="G977" s="27">
        <v>8</v>
      </c>
    </row>
    <row r="978" spans="1:46" s="3" customFormat="1" ht="13.5" customHeight="1" x14ac:dyDescent="0.15">
      <c r="A978" s="3">
        <v>977</v>
      </c>
      <c r="B978" s="30" t="s">
        <v>613</v>
      </c>
      <c r="C978" s="27" t="s">
        <v>1985</v>
      </c>
      <c r="D978" s="31">
        <v>20390</v>
      </c>
      <c r="E978" s="32" t="s">
        <v>2296</v>
      </c>
      <c r="F978" s="32" t="s">
        <v>2095</v>
      </c>
      <c r="G978" s="27">
        <v>12</v>
      </c>
    </row>
    <row r="979" spans="1:46" s="3" customFormat="1" ht="13.5" customHeight="1" x14ac:dyDescent="0.15">
      <c r="A979" s="3">
        <v>978</v>
      </c>
      <c r="B979" s="30" t="s">
        <v>613</v>
      </c>
      <c r="C979" s="27" t="s">
        <v>1985</v>
      </c>
      <c r="D979" s="31">
        <v>21200</v>
      </c>
      <c r="E979" s="32" t="s">
        <v>989</v>
      </c>
      <c r="F979" s="32" t="s">
        <v>1312</v>
      </c>
      <c r="G979" s="27">
        <v>12</v>
      </c>
    </row>
    <row r="980" spans="1:46" ht="13.5" customHeight="1" x14ac:dyDescent="0.15">
      <c r="A980" s="3">
        <v>979</v>
      </c>
      <c r="B980" s="30" t="s">
        <v>613</v>
      </c>
      <c r="C980" s="27" t="s">
        <v>1985</v>
      </c>
      <c r="D980" s="31">
        <v>21540</v>
      </c>
      <c r="E980" s="32" t="s">
        <v>1476</v>
      </c>
      <c r="F980" s="32" t="s">
        <v>557</v>
      </c>
      <c r="G980" s="27">
        <v>12</v>
      </c>
      <c r="H980" s="3"/>
      <c r="I980" s="3"/>
      <c r="J980" s="3"/>
      <c r="K980" s="3"/>
      <c r="L980" s="3"/>
      <c r="M980" s="3"/>
      <c r="N980" s="3"/>
      <c r="O980" s="3"/>
      <c r="P980" s="3"/>
      <c r="Q980" s="3"/>
      <c r="R980" s="3"/>
      <c r="S980" s="3"/>
      <c r="T980" s="3"/>
      <c r="U980" s="3"/>
      <c r="V980" s="3"/>
      <c r="W980" s="3"/>
      <c r="X980" s="3"/>
      <c r="Y980" s="3"/>
      <c r="Z980" s="3"/>
      <c r="AA980" s="3"/>
      <c r="AB980" s="3"/>
      <c r="AC980" s="3"/>
      <c r="AD980" s="3"/>
      <c r="AE980" s="3"/>
      <c r="AF980" s="3"/>
      <c r="AG980" s="3"/>
      <c r="AH980" s="3"/>
      <c r="AI980" s="3"/>
      <c r="AJ980" s="3"/>
      <c r="AK980" s="3"/>
      <c r="AL980" s="3"/>
      <c r="AM980" s="3"/>
      <c r="AN980" s="3"/>
      <c r="AO980" s="3"/>
      <c r="AP980" s="3"/>
      <c r="AQ980" s="3"/>
      <c r="AR980" s="3"/>
      <c r="AS980" s="3"/>
      <c r="AT980" s="3"/>
    </row>
    <row r="981" spans="1:46" ht="13.5" customHeight="1" x14ac:dyDescent="0.15">
      <c r="A981" s="3">
        <v>980</v>
      </c>
      <c r="B981" s="30" t="s">
        <v>613</v>
      </c>
      <c r="C981" s="27" t="s">
        <v>1985</v>
      </c>
      <c r="D981" s="31">
        <v>21550</v>
      </c>
      <c r="E981" s="32" t="s">
        <v>138</v>
      </c>
      <c r="F981" s="32" t="s">
        <v>2795</v>
      </c>
      <c r="G981" s="27">
        <v>6</v>
      </c>
      <c r="H981" s="3"/>
      <c r="I981" s="3"/>
      <c r="J981" s="3"/>
      <c r="K981" s="3"/>
      <c r="L981" s="3"/>
      <c r="M981" s="3"/>
      <c r="N981" s="3"/>
      <c r="O981" s="3"/>
      <c r="P981" s="3"/>
      <c r="Q981" s="3"/>
      <c r="R981" s="3"/>
      <c r="S981" s="3"/>
      <c r="T981" s="3"/>
      <c r="U981" s="3"/>
      <c r="V981" s="3"/>
      <c r="W981" s="3"/>
      <c r="X981" s="3"/>
      <c r="Y981" s="3"/>
      <c r="Z981" s="3"/>
      <c r="AA981" s="3"/>
      <c r="AB981" s="3"/>
      <c r="AC981" s="3"/>
      <c r="AD981" s="3"/>
      <c r="AE981" s="3"/>
      <c r="AF981" s="3"/>
      <c r="AG981" s="3"/>
      <c r="AH981" s="3"/>
      <c r="AI981" s="3"/>
      <c r="AJ981" s="3"/>
      <c r="AK981" s="3"/>
      <c r="AL981" s="3"/>
      <c r="AM981" s="3"/>
      <c r="AN981" s="3"/>
      <c r="AO981" s="3"/>
      <c r="AP981" s="3"/>
      <c r="AQ981" s="3"/>
      <c r="AR981" s="3"/>
      <c r="AS981" s="3"/>
      <c r="AT981" s="3"/>
    </row>
    <row r="982" spans="1:46" s="3" customFormat="1" ht="13.5" customHeight="1" x14ac:dyDescent="0.15">
      <c r="A982" s="3">
        <v>981</v>
      </c>
      <c r="B982" s="30" t="s">
        <v>613</v>
      </c>
      <c r="C982" s="27" t="s">
        <v>1985</v>
      </c>
      <c r="D982" s="31">
        <v>21840</v>
      </c>
      <c r="E982" s="32" t="s">
        <v>1160</v>
      </c>
      <c r="F982" s="32" t="s">
        <v>454</v>
      </c>
      <c r="G982" s="27">
        <v>7</v>
      </c>
    </row>
    <row r="983" spans="1:46" s="3" customFormat="1" ht="13.5" customHeight="1" x14ac:dyDescent="0.15">
      <c r="A983" s="3">
        <v>982</v>
      </c>
      <c r="B983" s="30" t="s">
        <v>613</v>
      </c>
      <c r="C983" s="27" t="s">
        <v>1985</v>
      </c>
      <c r="D983" s="31">
        <v>22010</v>
      </c>
      <c r="E983" s="32" t="s">
        <v>1758</v>
      </c>
      <c r="F983" s="32" t="s">
        <v>2258</v>
      </c>
      <c r="G983" s="27">
        <v>12</v>
      </c>
    </row>
    <row r="984" spans="1:46" s="3" customFormat="1" ht="13.5" customHeight="1" x14ac:dyDescent="0.15">
      <c r="A984" s="3">
        <v>983</v>
      </c>
      <c r="B984" s="30" t="s">
        <v>613</v>
      </c>
      <c r="C984" s="27" t="s">
        <v>1985</v>
      </c>
      <c r="D984" s="31">
        <v>22370</v>
      </c>
      <c r="E984" s="32" t="s">
        <v>890</v>
      </c>
      <c r="F984" s="32" t="s">
        <v>311</v>
      </c>
      <c r="G984" s="27">
        <v>12</v>
      </c>
    </row>
    <row r="985" spans="1:46" s="3" customFormat="1" ht="13.5" customHeight="1" x14ac:dyDescent="0.15">
      <c r="A985" s="3">
        <v>984</v>
      </c>
      <c r="B985" s="30" t="s">
        <v>613</v>
      </c>
      <c r="C985" s="27" t="s">
        <v>1985</v>
      </c>
      <c r="D985" s="31">
        <v>24410</v>
      </c>
      <c r="E985" s="32" t="s">
        <v>1566</v>
      </c>
      <c r="F985" s="32" t="s">
        <v>1608</v>
      </c>
      <c r="G985" s="27">
        <v>12</v>
      </c>
    </row>
    <row r="986" spans="1:46" s="3" customFormat="1" ht="13.5" customHeight="1" x14ac:dyDescent="0.15">
      <c r="A986" s="3">
        <v>985</v>
      </c>
      <c r="B986" s="30" t="s">
        <v>613</v>
      </c>
      <c r="C986" s="27" t="s">
        <v>1985</v>
      </c>
      <c r="D986" s="31">
        <v>24630</v>
      </c>
      <c r="E986" s="32" t="s">
        <v>866</v>
      </c>
      <c r="F986" s="32" t="s">
        <v>2365</v>
      </c>
      <c r="G986" s="27">
        <v>6</v>
      </c>
    </row>
    <row r="987" spans="1:46" s="3" customFormat="1" ht="13.5" customHeight="1" x14ac:dyDescent="0.15">
      <c r="A987" s="3">
        <v>986</v>
      </c>
      <c r="B987" s="30" t="s">
        <v>613</v>
      </c>
      <c r="C987" s="27" t="s">
        <v>1985</v>
      </c>
      <c r="D987" s="31">
        <v>27430</v>
      </c>
      <c r="E987" s="32" t="s">
        <v>2027</v>
      </c>
      <c r="F987" s="32" t="s">
        <v>1613</v>
      </c>
      <c r="G987" s="27">
        <v>11</v>
      </c>
    </row>
    <row r="988" spans="1:46" s="3" customFormat="1" ht="13.5" customHeight="1" x14ac:dyDescent="0.15">
      <c r="A988" s="3">
        <v>987</v>
      </c>
      <c r="B988" s="30" t="s">
        <v>613</v>
      </c>
      <c r="C988" s="27" t="s">
        <v>1985</v>
      </c>
      <c r="D988" s="31">
        <v>27700</v>
      </c>
      <c r="E988" s="32" t="s">
        <v>594</v>
      </c>
      <c r="F988" s="32" t="s">
        <v>1042</v>
      </c>
      <c r="G988" s="27">
        <v>4</v>
      </c>
    </row>
    <row r="989" spans="1:46" s="3" customFormat="1" ht="13.5" customHeight="1" x14ac:dyDescent="0.15">
      <c r="A989" s="3">
        <v>988</v>
      </c>
      <c r="B989" s="30" t="s">
        <v>613</v>
      </c>
      <c r="C989" s="27" t="s">
        <v>1985</v>
      </c>
      <c r="D989" s="31">
        <v>28200</v>
      </c>
      <c r="E989" s="32" t="s">
        <v>934</v>
      </c>
      <c r="F989" s="32" t="s">
        <v>2260</v>
      </c>
      <c r="G989" s="27">
        <v>12</v>
      </c>
    </row>
    <row r="990" spans="1:46" s="3" customFormat="1" ht="13.5" customHeight="1" x14ac:dyDescent="0.15">
      <c r="A990" s="3">
        <v>989</v>
      </c>
      <c r="B990" s="30" t="s">
        <v>613</v>
      </c>
      <c r="C990" s="27" t="s">
        <v>1985</v>
      </c>
      <c r="D990" s="31">
        <v>28210</v>
      </c>
      <c r="E990" s="32" t="s">
        <v>935</v>
      </c>
      <c r="F990" s="32" t="s">
        <v>2257</v>
      </c>
      <c r="G990" s="27">
        <v>3</v>
      </c>
    </row>
    <row r="991" spans="1:46" s="3" customFormat="1" ht="13.5" customHeight="1" x14ac:dyDescent="0.15">
      <c r="A991" s="3">
        <v>990</v>
      </c>
      <c r="B991" s="30" t="s">
        <v>613</v>
      </c>
      <c r="C991" s="27" t="s">
        <v>1985</v>
      </c>
      <c r="D991" s="31">
        <v>29880</v>
      </c>
      <c r="E991" s="32" t="s">
        <v>509</v>
      </c>
      <c r="F991" s="32" t="s">
        <v>2089</v>
      </c>
      <c r="G991" s="27">
        <v>6</v>
      </c>
    </row>
    <row r="992" spans="1:46" s="3" customFormat="1" ht="13.5" customHeight="1" x14ac:dyDescent="0.15">
      <c r="A992" s="3">
        <v>991</v>
      </c>
      <c r="B992" s="30" t="s">
        <v>613</v>
      </c>
      <c r="C992" s="27" t="s">
        <v>1985</v>
      </c>
      <c r="D992" s="31">
        <v>33510</v>
      </c>
      <c r="E992" s="32" t="s">
        <v>1392</v>
      </c>
      <c r="F992" s="32" t="s">
        <v>1611</v>
      </c>
      <c r="G992" s="27">
        <v>5</v>
      </c>
    </row>
    <row r="993" spans="1:7" s="3" customFormat="1" ht="13.5" customHeight="1" x14ac:dyDescent="0.15">
      <c r="A993" s="3">
        <v>992</v>
      </c>
      <c r="B993" s="30" t="s">
        <v>613</v>
      </c>
      <c r="C993" s="27" t="s">
        <v>1985</v>
      </c>
      <c r="D993" s="31">
        <v>34180</v>
      </c>
      <c r="E993" s="32" t="s">
        <v>392</v>
      </c>
      <c r="F993" s="32" t="s">
        <v>1314</v>
      </c>
      <c r="G993" s="27">
        <v>6</v>
      </c>
    </row>
    <row r="994" spans="1:7" s="3" customFormat="1" ht="13.5" customHeight="1" x14ac:dyDescent="0.15">
      <c r="A994" s="3">
        <v>993</v>
      </c>
      <c r="B994" s="30" t="s">
        <v>613</v>
      </c>
      <c r="C994" s="27" t="s">
        <v>1985</v>
      </c>
      <c r="D994" s="31">
        <v>34440</v>
      </c>
      <c r="E994" s="32" t="s">
        <v>78</v>
      </c>
      <c r="F994" s="32" t="s">
        <v>1615</v>
      </c>
      <c r="G994" s="27">
        <v>6</v>
      </c>
    </row>
    <row r="995" spans="1:7" s="3" customFormat="1" ht="13.5" customHeight="1" x14ac:dyDescent="0.15">
      <c r="A995" s="3">
        <v>994</v>
      </c>
      <c r="B995" s="30" t="s">
        <v>613</v>
      </c>
      <c r="C995" s="27" t="s">
        <v>1985</v>
      </c>
      <c r="D995" s="31">
        <v>35160</v>
      </c>
      <c r="E995" s="32" t="s">
        <v>2000</v>
      </c>
      <c r="F995" s="32" t="s">
        <v>586</v>
      </c>
      <c r="G995" s="27">
        <v>12</v>
      </c>
    </row>
    <row r="996" spans="1:7" s="3" customFormat="1" ht="13.5" customHeight="1" x14ac:dyDescent="0.15">
      <c r="A996" s="3">
        <v>995</v>
      </c>
      <c r="B996" s="30" t="s">
        <v>613</v>
      </c>
      <c r="C996" s="27" t="s">
        <v>1985</v>
      </c>
      <c r="D996" s="31">
        <v>35170</v>
      </c>
      <c r="E996" s="32" t="s">
        <v>2001</v>
      </c>
      <c r="F996" s="32" t="s">
        <v>2088</v>
      </c>
      <c r="G996" s="27">
        <v>6</v>
      </c>
    </row>
    <row r="997" spans="1:7" s="3" customFormat="1" ht="13.5" customHeight="1" x14ac:dyDescent="0.15">
      <c r="A997" s="3">
        <v>996</v>
      </c>
      <c r="B997" s="30" t="s">
        <v>613</v>
      </c>
      <c r="C997" s="27" t="s">
        <v>1985</v>
      </c>
      <c r="D997" s="31">
        <v>35180</v>
      </c>
      <c r="E997" s="32" t="s">
        <v>2002</v>
      </c>
      <c r="F997" s="32" t="s">
        <v>2092</v>
      </c>
      <c r="G997" s="27">
        <v>6</v>
      </c>
    </row>
    <row r="998" spans="1:7" s="3" customFormat="1" ht="13.5" customHeight="1" x14ac:dyDescent="0.15">
      <c r="A998" s="3">
        <v>997</v>
      </c>
      <c r="B998" s="30" t="s">
        <v>613</v>
      </c>
      <c r="C998" s="27" t="s">
        <v>1985</v>
      </c>
      <c r="D998" s="31">
        <v>35200</v>
      </c>
      <c r="E998" s="32" t="s">
        <v>2367</v>
      </c>
      <c r="F998" s="32" t="s">
        <v>2093</v>
      </c>
      <c r="G998" s="27">
        <v>8</v>
      </c>
    </row>
    <row r="999" spans="1:7" s="3" customFormat="1" ht="13.5" customHeight="1" x14ac:dyDescent="0.15">
      <c r="A999" s="3">
        <v>998</v>
      </c>
      <c r="B999" s="30" t="s">
        <v>613</v>
      </c>
      <c r="C999" s="27" t="s">
        <v>1985</v>
      </c>
      <c r="D999" s="31">
        <v>35210</v>
      </c>
      <c r="E999" s="32" t="s">
        <v>2003</v>
      </c>
      <c r="F999" s="32" t="s">
        <v>558</v>
      </c>
      <c r="G999" s="27">
        <v>8</v>
      </c>
    </row>
    <row r="1000" spans="1:7" s="3" customFormat="1" ht="13.5" customHeight="1" x14ac:dyDescent="0.15">
      <c r="A1000" s="3">
        <v>999</v>
      </c>
      <c r="B1000" s="30" t="s">
        <v>613</v>
      </c>
      <c r="C1000" s="27" t="s">
        <v>1985</v>
      </c>
      <c r="D1000" s="31">
        <v>35220</v>
      </c>
      <c r="E1000" s="32" t="s">
        <v>2004</v>
      </c>
      <c r="F1000" s="32" t="s">
        <v>2090</v>
      </c>
      <c r="G1000" s="27">
        <v>8</v>
      </c>
    </row>
    <row r="1001" spans="1:7" s="3" customFormat="1" ht="13.5" customHeight="1" x14ac:dyDescent="0.15">
      <c r="A1001" s="3">
        <v>1000</v>
      </c>
      <c r="B1001" s="30" t="s">
        <v>613</v>
      </c>
      <c r="C1001" s="27" t="s">
        <v>1985</v>
      </c>
      <c r="D1001" s="31">
        <v>35230</v>
      </c>
      <c r="E1001" s="32" t="s">
        <v>703</v>
      </c>
      <c r="F1001" s="32" t="s">
        <v>312</v>
      </c>
      <c r="G1001" s="27">
        <v>12</v>
      </c>
    </row>
    <row r="1002" spans="1:7" s="3" customFormat="1" ht="13.5" customHeight="1" x14ac:dyDescent="0.15">
      <c r="A1002" s="3">
        <v>1001</v>
      </c>
      <c r="B1002" s="30" t="s">
        <v>613</v>
      </c>
      <c r="C1002" s="27" t="s">
        <v>1985</v>
      </c>
      <c r="D1002" s="31">
        <v>36630</v>
      </c>
      <c r="E1002" s="32" t="s">
        <v>2995</v>
      </c>
      <c r="F1002" s="32" t="s">
        <v>1201</v>
      </c>
      <c r="G1002" s="27">
        <v>12</v>
      </c>
    </row>
    <row r="1003" spans="1:7" s="3" customFormat="1" ht="13.5" customHeight="1" x14ac:dyDescent="0.15">
      <c r="A1003" s="3">
        <v>1002</v>
      </c>
      <c r="B1003" s="30" t="s">
        <v>613</v>
      </c>
      <c r="C1003" s="27" t="s">
        <v>1985</v>
      </c>
      <c r="D1003" s="31">
        <v>37070</v>
      </c>
      <c r="E1003" s="32" t="s">
        <v>1780</v>
      </c>
      <c r="F1003" s="32" t="s">
        <v>1225</v>
      </c>
      <c r="G1003" s="27">
        <v>10</v>
      </c>
    </row>
    <row r="1004" spans="1:7" s="3" customFormat="1" ht="13.5" customHeight="1" x14ac:dyDescent="0.15">
      <c r="A1004" s="3">
        <v>1003</v>
      </c>
      <c r="B1004" s="30" t="s">
        <v>613</v>
      </c>
      <c r="C1004" s="27" t="s">
        <v>1985</v>
      </c>
      <c r="D1004" s="31">
        <v>38840</v>
      </c>
      <c r="E1004" s="32" t="s">
        <v>3021</v>
      </c>
      <c r="F1004" s="32" t="s">
        <v>1612</v>
      </c>
      <c r="G1004" s="27">
        <v>6</v>
      </c>
    </row>
    <row r="1005" spans="1:7" s="3" customFormat="1" ht="13.5" customHeight="1" x14ac:dyDescent="0.15">
      <c r="A1005" s="3">
        <v>1004</v>
      </c>
      <c r="B1005" s="30" t="s">
        <v>613</v>
      </c>
      <c r="C1005" s="27" t="s">
        <v>1985</v>
      </c>
      <c r="D1005" s="31">
        <v>39260</v>
      </c>
      <c r="E1005" s="32" t="s">
        <v>3032</v>
      </c>
      <c r="F1005" s="32" t="s">
        <v>1043</v>
      </c>
      <c r="G1005" s="27">
        <v>6</v>
      </c>
    </row>
    <row r="1006" spans="1:7" s="3" customFormat="1" ht="13.5" customHeight="1" x14ac:dyDescent="0.15">
      <c r="A1006" s="3">
        <v>1005</v>
      </c>
      <c r="B1006" s="26" t="s">
        <v>613</v>
      </c>
      <c r="C1006" s="27" t="s">
        <v>1127</v>
      </c>
      <c r="D1006" s="33">
        <v>39910</v>
      </c>
      <c r="E1006" s="29" t="s">
        <v>3050</v>
      </c>
      <c r="F1006" s="32" t="s">
        <v>2523</v>
      </c>
      <c r="G1006" s="27">
        <v>9</v>
      </c>
    </row>
    <row r="1007" spans="1:7" s="3" customFormat="1" ht="13.5" customHeight="1" x14ac:dyDescent="0.15">
      <c r="A1007" s="3">
        <v>1006</v>
      </c>
      <c r="B1007" s="30" t="s">
        <v>613</v>
      </c>
      <c r="C1007" s="27" t="s">
        <v>1497</v>
      </c>
      <c r="D1007" s="28">
        <v>41280</v>
      </c>
      <c r="E1007" s="38" t="s">
        <v>1970</v>
      </c>
      <c r="F1007" s="38" t="s">
        <v>528</v>
      </c>
      <c r="G1007" s="27">
        <v>6</v>
      </c>
    </row>
    <row r="1008" spans="1:7" s="3" customFormat="1" ht="13.5" customHeight="1" x14ac:dyDescent="0.15">
      <c r="A1008" s="3">
        <v>1007</v>
      </c>
      <c r="B1008" s="30" t="s">
        <v>613</v>
      </c>
      <c r="C1008" s="27" t="s">
        <v>1497</v>
      </c>
      <c r="D1008" s="34">
        <v>42070</v>
      </c>
      <c r="E1008" s="38" t="s">
        <v>863</v>
      </c>
      <c r="F1008" s="32" t="s">
        <v>2259</v>
      </c>
      <c r="G1008" s="27">
        <v>4</v>
      </c>
    </row>
    <row r="1009" spans="1:46" s="3" customFormat="1" ht="13.5" customHeight="1" x14ac:dyDescent="0.15">
      <c r="A1009" s="3">
        <v>1008</v>
      </c>
      <c r="B1009" s="30" t="s">
        <v>613</v>
      </c>
      <c r="C1009" s="27" t="s">
        <v>1497</v>
      </c>
      <c r="D1009" s="34">
        <v>42110</v>
      </c>
      <c r="E1009" s="38" t="s">
        <v>1631</v>
      </c>
      <c r="F1009" s="32" t="s">
        <v>400</v>
      </c>
      <c r="G1009" s="27">
        <v>6</v>
      </c>
    </row>
    <row r="1010" spans="1:46" s="3" customFormat="1" ht="13.5" customHeight="1" x14ac:dyDescent="0.15">
      <c r="A1010" s="3">
        <v>1009</v>
      </c>
      <c r="B1010" s="30" t="s">
        <v>613</v>
      </c>
      <c r="C1010" s="27" t="s">
        <v>1497</v>
      </c>
      <c r="D1010" s="34">
        <v>42700</v>
      </c>
      <c r="E1010" s="32" t="s">
        <v>3083</v>
      </c>
      <c r="F1010" s="32" t="s">
        <v>2141</v>
      </c>
      <c r="G1010" s="27">
        <v>2</v>
      </c>
    </row>
    <row r="1011" spans="1:46" s="3" customFormat="1" ht="13.5" customHeight="1" x14ac:dyDescent="0.15">
      <c r="A1011" s="3">
        <v>1010</v>
      </c>
      <c r="B1011" s="30" t="s">
        <v>613</v>
      </c>
      <c r="C1011" s="27" t="s">
        <v>1127</v>
      </c>
      <c r="D1011" s="34">
        <v>42790</v>
      </c>
      <c r="E1011" s="32" t="s">
        <v>2150</v>
      </c>
      <c r="F1011" s="32" t="s">
        <v>2151</v>
      </c>
      <c r="G1011" s="27">
        <v>9</v>
      </c>
    </row>
    <row r="1012" spans="1:46" s="3" customFormat="1" ht="13.5" customHeight="1" x14ac:dyDescent="0.15">
      <c r="A1012" s="3">
        <v>1011</v>
      </c>
      <c r="B1012" s="30" t="s">
        <v>613</v>
      </c>
      <c r="C1012" s="27" t="s">
        <v>1127</v>
      </c>
      <c r="D1012" s="34">
        <v>47030</v>
      </c>
      <c r="E1012" s="32" t="s">
        <v>2872</v>
      </c>
      <c r="F1012" s="32" t="s">
        <v>2873</v>
      </c>
      <c r="G1012" s="27">
        <v>5</v>
      </c>
    </row>
    <row r="1013" spans="1:46" s="3" customFormat="1" ht="13.5" customHeight="1" x14ac:dyDescent="0.15">
      <c r="A1013" s="3">
        <v>1012</v>
      </c>
      <c r="B1013" s="30" t="s">
        <v>613</v>
      </c>
      <c r="C1013" s="27" t="s">
        <v>1127</v>
      </c>
      <c r="D1013" s="34">
        <v>143050</v>
      </c>
      <c r="E1013" s="32" t="s">
        <v>2316</v>
      </c>
      <c r="F1013" s="32" t="s">
        <v>2707</v>
      </c>
      <c r="G1013" s="27">
        <v>6</v>
      </c>
    </row>
    <row r="1014" spans="1:46" s="3" customFormat="1" ht="13.5" customHeight="1" x14ac:dyDescent="0.15">
      <c r="A1014" s="3">
        <v>1013</v>
      </c>
      <c r="B1014" s="30" t="s">
        <v>613</v>
      </c>
      <c r="C1014" s="27" t="s">
        <v>1127</v>
      </c>
      <c r="D1014" s="34">
        <v>143200</v>
      </c>
      <c r="E1014" s="32" t="s">
        <v>2329</v>
      </c>
      <c r="F1014" s="32" t="s">
        <v>2330</v>
      </c>
      <c r="G1014" s="27">
        <v>8</v>
      </c>
    </row>
    <row r="1015" spans="1:46" s="3" customFormat="1" ht="13.5" customHeight="1" x14ac:dyDescent="0.15">
      <c r="A1015" s="3">
        <v>1014</v>
      </c>
      <c r="B1015" s="30" t="s">
        <v>613</v>
      </c>
      <c r="C1015" s="27" t="s">
        <v>1985</v>
      </c>
      <c r="D1015" s="31">
        <v>143220</v>
      </c>
      <c r="E1015" s="32" t="s">
        <v>2370</v>
      </c>
      <c r="F1015" s="32" t="s">
        <v>2371</v>
      </c>
      <c r="G1015" s="27">
        <v>7</v>
      </c>
    </row>
    <row r="1016" spans="1:46" s="3" customFormat="1" ht="13.5" customHeight="1" x14ac:dyDescent="0.15">
      <c r="A1016" s="3">
        <v>1015</v>
      </c>
      <c r="B1016" s="30" t="s">
        <v>613</v>
      </c>
      <c r="C1016" s="27" t="s">
        <v>1497</v>
      </c>
      <c r="D1016" s="31">
        <v>143480</v>
      </c>
      <c r="E1016" s="29" t="s">
        <v>2432</v>
      </c>
      <c r="F1016" s="29" t="s">
        <v>2433</v>
      </c>
      <c r="G1016" s="27">
        <v>4</v>
      </c>
    </row>
    <row r="1017" spans="1:46" s="3" customFormat="1" ht="13.5" customHeight="1" x14ac:dyDescent="0.15">
      <c r="A1017" s="3">
        <v>1016</v>
      </c>
      <c r="B1017" s="30" t="s">
        <v>613</v>
      </c>
      <c r="C1017" s="27" t="s">
        <v>1497</v>
      </c>
      <c r="D1017" s="28">
        <v>143490</v>
      </c>
      <c r="E1017" s="29" t="s">
        <v>2434</v>
      </c>
      <c r="F1017" s="29" t="s">
        <v>2435</v>
      </c>
      <c r="G1017" s="27">
        <v>6</v>
      </c>
    </row>
    <row r="1018" spans="1:46" s="3" customFormat="1" ht="13.5" customHeight="1" x14ac:dyDescent="0.15">
      <c r="A1018" s="3">
        <v>1017</v>
      </c>
      <c r="B1018" s="30" t="s">
        <v>613</v>
      </c>
      <c r="C1018" s="27" t="s">
        <v>1497</v>
      </c>
      <c r="D1018" s="31">
        <v>144050</v>
      </c>
      <c r="E1018" s="32" t="s">
        <v>2542</v>
      </c>
      <c r="F1018" s="29" t="s">
        <v>2543</v>
      </c>
      <c r="G1018" s="27">
        <v>12</v>
      </c>
    </row>
    <row r="1019" spans="1:46" s="3" customFormat="1" ht="13.5" customHeight="1" x14ac:dyDescent="0.15">
      <c r="A1019" s="3">
        <v>1018</v>
      </c>
      <c r="B1019" s="26" t="s">
        <v>549</v>
      </c>
      <c r="C1019" s="27" t="s">
        <v>1127</v>
      </c>
      <c r="D1019" s="28">
        <v>144530</v>
      </c>
      <c r="E1019" s="29" t="s">
        <v>2602</v>
      </c>
      <c r="F1019" s="29" t="s">
        <v>2612</v>
      </c>
      <c r="G1019" s="39">
        <v>3</v>
      </c>
    </row>
    <row r="1020" spans="1:46" s="3" customFormat="1" ht="13.5" customHeight="1" x14ac:dyDescent="0.15">
      <c r="A1020" s="3">
        <v>1019</v>
      </c>
      <c r="B1020" s="30" t="s">
        <v>613</v>
      </c>
      <c r="C1020" s="27" t="s">
        <v>1497</v>
      </c>
      <c r="D1020" s="31">
        <v>144590</v>
      </c>
      <c r="E1020" s="32" t="s">
        <v>2711</v>
      </c>
      <c r="F1020" s="32" t="s">
        <v>2710</v>
      </c>
      <c r="G1020" s="27">
        <v>12</v>
      </c>
    </row>
    <row r="1021" spans="1:46" s="3" customFormat="1" ht="13.5" customHeight="1" x14ac:dyDescent="0.15">
      <c r="A1021" s="3">
        <v>1020</v>
      </c>
      <c r="B1021" s="30" t="s">
        <v>613</v>
      </c>
      <c r="C1021" s="27" t="s">
        <v>1127</v>
      </c>
      <c r="D1021" s="31">
        <v>144790</v>
      </c>
      <c r="E1021" s="29" t="s">
        <v>2655</v>
      </c>
      <c r="F1021" s="29" t="s">
        <v>2678</v>
      </c>
      <c r="G1021" s="27">
        <v>9</v>
      </c>
    </row>
    <row r="1022" spans="1:46" s="3" customFormat="1" ht="13.5" customHeight="1" x14ac:dyDescent="0.15">
      <c r="A1022" s="3">
        <v>1021</v>
      </c>
      <c r="B1022" s="30" t="s">
        <v>613</v>
      </c>
      <c r="C1022" s="27" t="s">
        <v>1127</v>
      </c>
      <c r="D1022" s="28">
        <v>145810</v>
      </c>
      <c r="E1022" s="40" t="s">
        <v>2967</v>
      </c>
      <c r="F1022" s="40" t="s">
        <v>2937</v>
      </c>
      <c r="G1022" s="27">
        <v>9</v>
      </c>
      <c r="H1022" s="2"/>
      <c r="I1022" s="2"/>
      <c r="J1022" s="2"/>
      <c r="K1022" s="2"/>
      <c r="L1022" s="2"/>
      <c r="M1022" s="2"/>
      <c r="N1022" s="2"/>
      <c r="O1022" s="2"/>
      <c r="P1022" s="2"/>
      <c r="Q1022" s="2"/>
      <c r="R1022" s="2"/>
      <c r="S1022" s="2"/>
      <c r="T1022" s="2"/>
      <c r="U1022" s="2"/>
      <c r="V1022" s="2"/>
      <c r="W1022" s="2"/>
      <c r="X1022" s="2"/>
      <c r="Y1022" s="2"/>
      <c r="Z1022" s="2"/>
      <c r="AA1022" s="2"/>
      <c r="AB1022" s="2"/>
      <c r="AC1022" s="2"/>
      <c r="AD1022" s="2"/>
      <c r="AE1022" s="2"/>
      <c r="AF1022" s="2"/>
      <c r="AG1022" s="2"/>
      <c r="AH1022" s="2"/>
      <c r="AI1022" s="2"/>
      <c r="AJ1022" s="2"/>
      <c r="AK1022" s="2"/>
      <c r="AL1022" s="2"/>
      <c r="AM1022" s="2"/>
      <c r="AN1022" s="2"/>
      <c r="AO1022" s="2"/>
      <c r="AP1022" s="2"/>
      <c r="AQ1022" s="2"/>
      <c r="AR1022" s="2"/>
      <c r="AS1022" s="2"/>
      <c r="AT1022" s="2"/>
    </row>
    <row r="1023" spans="1:46" s="3" customFormat="1" ht="13.5" customHeight="1" x14ac:dyDescent="0.15">
      <c r="A1023" s="3">
        <v>1022</v>
      </c>
      <c r="B1023" s="30" t="s">
        <v>613</v>
      </c>
      <c r="C1023" s="39" t="s">
        <v>1127</v>
      </c>
      <c r="D1023" s="33">
        <v>146580</v>
      </c>
      <c r="E1023" s="40" t="s">
        <v>3152</v>
      </c>
      <c r="F1023" s="29" t="s">
        <v>3181</v>
      </c>
      <c r="G1023" s="27">
        <v>9</v>
      </c>
    </row>
    <row r="1024" spans="1:46" s="3" customFormat="1" ht="13.5" customHeight="1" x14ac:dyDescent="0.15">
      <c r="A1024" s="3">
        <v>1023</v>
      </c>
      <c r="B1024" s="30" t="s">
        <v>613</v>
      </c>
      <c r="C1024" s="27" t="s">
        <v>3417</v>
      </c>
      <c r="D1024" s="28">
        <v>147170</v>
      </c>
      <c r="E1024" s="29" t="s">
        <v>3378</v>
      </c>
      <c r="F1024" s="29" t="s">
        <v>3399</v>
      </c>
      <c r="G1024" s="27">
        <v>4</v>
      </c>
      <c r="H1024" s="2"/>
      <c r="I1024" s="2"/>
      <c r="J1024" s="2"/>
      <c r="K1024" s="2"/>
      <c r="L1024" s="2"/>
      <c r="M1024" s="2"/>
      <c r="N1024" s="2"/>
      <c r="O1024" s="2"/>
      <c r="P1024" s="2"/>
      <c r="Q1024" s="2"/>
      <c r="R1024" s="2"/>
      <c r="S1024" s="2"/>
      <c r="T1024" s="2"/>
      <c r="U1024" s="2"/>
      <c r="V1024" s="2"/>
      <c r="W1024" s="2"/>
      <c r="X1024" s="2"/>
      <c r="Y1024" s="2"/>
      <c r="Z1024" s="2"/>
      <c r="AA1024" s="2"/>
      <c r="AB1024" s="2"/>
      <c r="AC1024" s="2"/>
      <c r="AD1024" s="2"/>
      <c r="AE1024" s="2"/>
      <c r="AF1024" s="2"/>
      <c r="AG1024" s="2"/>
      <c r="AH1024" s="2"/>
      <c r="AI1024" s="2"/>
      <c r="AJ1024" s="2"/>
      <c r="AK1024" s="2"/>
      <c r="AL1024" s="2"/>
      <c r="AM1024" s="2"/>
      <c r="AN1024" s="2"/>
      <c r="AO1024" s="2"/>
      <c r="AP1024" s="2"/>
      <c r="AQ1024" s="2"/>
      <c r="AR1024" s="2"/>
      <c r="AS1024" s="2"/>
      <c r="AT1024" s="2"/>
    </row>
    <row r="1025" spans="1:46" s="3" customFormat="1" ht="13.5" customHeight="1" x14ac:dyDescent="0.15">
      <c r="A1025" s="3">
        <v>1024</v>
      </c>
      <c r="B1025" s="30" t="s">
        <v>613</v>
      </c>
      <c r="C1025" s="27" t="s">
        <v>1127</v>
      </c>
      <c r="D1025" s="28">
        <v>147510</v>
      </c>
      <c r="E1025" s="29" t="s">
        <v>3495</v>
      </c>
      <c r="F1025" s="29" t="s">
        <v>3496</v>
      </c>
      <c r="G1025" s="27">
        <v>3</v>
      </c>
      <c r="H1025" s="2"/>
      <c r="I1025" s="2"/>
      <c r="J1025" s="2"/>
      <c r="K1025" s="2"/>
      <c r="L1025" s="2"/>
      <c r="M1025" s="2"/>
      <c r="N1025" s="2"/>
      <c r="O1025" s="2"/>
      <c r="P1025" s="2"/>
      <c r="Q1025" s="2"/>
      <c r="R1025" s="2"/>
      <c r="S1025" s="2"/>
      <c r="T1025" s="2"/>
      <c r="U1025" s="2"/>
      <c r="V1025" s="2"/>
      <c r="W1025" s="2"/>
      <c r="X1025" s="2"/>
      <c r="Y1025" s="2"/>
      <c r="Z1025" s="2"/>
      <c r="AA1025" s="2"/>
      <c r="AB1025" s="2"/>
      <c r="AC1025" s="2"/>
      <c r="AD1025" s="2"/>
      <c r="AE1025" s="2"/>
      <c r="AF1025" s="2"/>
      <c r="AG1025" s="2"/>
      <c r="AH1025" s="2"/>
      <c r="AI1025" s="2"/>
      <c r="AJ1025" s="2"/>
      <c r="AK1025" s="2"/>
      <c r="AL1025" s="2"/>
      <c r="AM1025" s="2"/>
      <c r="AN1025" s="2"/>
      <c r="AO1025" s="2"/>
      <c r="AP1025" s="2"/>
      <c r="AQ1025" s="2"/>
      <c r="AR1025" s="2"/>
      <c r="AS1025" s="2"/>
      <c r="AT1025" s="2"/>
    </row>
    <row r="1026" spans="1:46" s="3" customFormat="1" ht="13.5" customHeight="1" x14ac:dyDescent="0.15">
      <c r="A1026" s="3">
        <v>1025</v>
      </c>
      <c r="B1026" s="30" t="s">
        <v>613</v>
      </c>
      <c r="C1026" s="27" t="s">
        <v>1127</v>
      </c>
      <c r="D1026" s="28">
        <v>147680</v>
      </c>
      <c r="E1026" s="42" t="s">
        <v>3521</v>
      </c>
      <c r="F1026" s="29" t="s">
        <v>3539</v>
      </c>
      <c r="G1026" s="27">
        <v>3</v>
      </c>
      <c r="H1026" s="2"/>
      <c r="I1026" s="2"/>
      <c r="J1026" s="2"/>
      <c r="K1026" s="2"/>
      <c r="L1026" s="2"/>
      <c r="M1026" s="2"/>
      <c r="N1026" s="2"/>
      <c r="O1026" s="2"/>
      <c r="P1026" s="2"/>
      <c r="Q1026" s="2"/>
      <c r="R1026" s="2"/>
      <c r="S1026" s="2"/>
      <c r="T1026" s="2"/>
      <c r="U1026" s="2"/>
      <c r="V1026" s="2"/>
      <c r="W1026" s="2"/>
      <c r="X1026" s="2"/>
      <c r="Y1026" s="2"/>
      <c r="Z1026" s="2"/>
      <c r="AA1026" s="2"/>
      <c r="AB1026" s="2"/>
      <c r="AC1026" s="2"/>
      <c r="AD1026" s="2"/>
      <c r="AE1026" s="2"/>
      <c r="AF1026" s="2"/>
      <c r="AG1026" s="2"/>
      <c r="AH1026" s="2"/>
      <c r="AI1026" s="2"/>
      <c r="AJ1026" s="2"/>
      <c r="AK1026" s="2"/>
      <c r="AL1026" s="2"/>
      <c r="AM1026" s="2"/>
      <c r="AN1026" s="2"/>
      <c r="AO1026" s="2"/>
      <c r="AP1026" s="2"/>
      <c r="AQ1026" s="2"/>
      <c r="AR1026" s="2"/>
      <c r="AS1026" s="2"/>
      <c r="AT1026" s="2"/>
    </row>
    <row r="1027" spans="1:46" s="3" customFormat="1" ht="13.5" customHeight="1" x14ac:dyDescent="0.15">
      <c r="A1027" s="3">
        <v>1026</v>
      </c>
      <c r="B1027" s="26" t="s">
        <v>1051</v>
      </c>
      <c r="C1027" s="27" t="s">
        <v>819</v>
      </c>
      <c r="D1027" s="28">
        <v>541</v>
      </c>
      <c r="E1027" s="29" t="s">
        <v>124</v>
      </c>
      <c r="F1027" s="29" t="s">
        <v>239</v>
      </c>
      <c r="G1027" s="27">
        <v>3</v>
      </c>
      <c r="H1027" s="2"/>
      <c r="I1027" s="2"/>
      <c r="J1027" s="2"/>
      <c r="K1027" s="2"/>
      <c r="L1027" s="2"/>
      <c r="M1027" s="2"/>
      <c r="N1027" s="2"/>
      <c r="O1027" s="2"/>
      <c r="P1027" s="2"/>
      <c r="Q1027" s="2"/>
      <c r="R1027" s="2"/>
      <c r="S1027" s="2"/>
      <c r="T1027" s="2"/>
      <c r="U1027" s="2"/>
      <c r="V1027" s="2"/>
      <c r="W1027" s="2"/>
      <c r="X1027" s="2"/>
      <c r="Y1027" s="2"/>
      <c r="Z1027" s="2"/>
      <c r="AA1027" s="2"/>
      <c r="AB1027" s="2"/>
      <c r="AC1027" s="2"/>
      <c r="AD1027" s="2"/>
      <c r="AE1027" s="2"/>
      <c r="AF1027" s="2"/>
      <c r="AG1027" s="2"/>
      <c r="AH1027" s="2"/>
      <c r="AI1027" s="2"/>
      <c r="AJ1027" s="2"/>
      <c r="AK1027" s="2"/>
      <c r="AL1027" s="2"/>
      <c r="AM1027" s="2"/>
      <c r="AN1027" s="2"/>
      <c r="AO1027" s="2"/>
      <c r="AP1027" s="2"/>
      <c r="AQ1027" s="2"/>
      <c r="AR1027" s="2"/>
      <c r="AS1027" s="2"/>
      <c r="AT1027" s="2"/>
    </row>
    <row r="1028" spans="1:46" s="3" customFormat="1" ht="13.5" customHeight="1" x14ac:dyDescent="0.15">
      <c r="A1028" s="3">
        <v>1027</v>
      </c>
      <c r="B1028" s="26" t="s">
        <v>1051</v>
      </c>
      <c r="C1028" s="27" t="s">
        <v>819</v>
      </c>
      <c r="D1028" s="28">
        <v>551</v>
      </c>
      <c r="E1028" s="29" t="s">
        <v>2344</v>
      </c>
      <c r="F1028" s="29" t="s">
        <v>3589</v>
      </c>
      <c r="G1028" s="27">
        <v>3</v>
      </c>
      <c r="H1028" s="2"/>
      <c r="I1028" s="2"/>
      <c r="J1028" s="2"/>
      <c r="K1028" s="2"/>
      <c r="L1028" s="2"/>
      <c r="M1028" s="2"/>
      <c r="N1028" s="2"/>
      <c r="O1028" s="2"/>
      <c r="P1028" s="2"/>
      <c r="Q1028" s="2"/>
      <c r="R1028" s="2"/>
      <c r="S1028" s="2"/>
      <c r="T1028" s="2"/>
      <c r="U1028" s="2"/>
      <c r="V1028" s="2"/>
      <c r="W1028" s="2"/>
      <c r="X1028" s="2"/>
      <c r="Y1028" s="2"/>
      <c r="Z1028" s="2"/>
      <c r="AA1028" s="2"/>
      <c r="AB1028" s="2"/>
      <c r="AC1028" s="2"/>
      <c r="AD1028" s="2"/>
      <c r="AE1028" s="2"/>
      <c r="AF1028" s="2"/>
      <c r="AG1028" s="2"/>
      <c r="AH1028" s="2"/>
      <c r="AI1028" s="2"/>
      <c r="AJ1028" s="2"/>
      <c r="AK1028" s="2"/>
      <c r="AL1028" s="2"/>
      <c r="AM1028" s="2"/>
      <c r="AN1028" s="2"/>
      <c r="AO1028" s="2"/>
      <c r="AP1028" s="2"/>
      <c r="AQ1028" s="2"/>
      <c r="AR1028" s="2"/>
      <c r="AS1028" s="2"/>
      <c r="AT1028" s="2"/>
    </row>
    <row r="1029" spans="1:46" s="3" customFormat="1" ht="13.5" customHeight="1" x14ac:dyDescent="0.15">
      <c r="A1029" s="3">
        <v>1028</v>
      </c>
      <c r="B1029" s="26" t="s">
        <v>1051</v>
      </c>
      <c r="C1029" s="27" t="s">
        <v>819</v>
      </c>
      <c r="D1029" s="28">
        <v>561</v>
      </c>
      <c r="E1029" s="29" t="s">
        <v>1647</v>
      </c>
      <c r="F1029" s="29" t="s">
        <v>773</v>
      </c>
      <c r="G1029" s="27">
        <v>3</v>
      </c>
      <c r="H1029" s="2"/>
      <c r="I1029" s="2"/>
      <c r="J1029" s="2"/>
      <c r="K1029" s="2"/>
      <c r="L1029" s="2"/>
      <c r="M1029" s="2"/>
      <c r="N1029" s="2"/>
      <c r="O1029" s="2"/>
      <c r="P1029" s="2"/>
      <c r="Q1029" s="2"/>
      <c r="R1029" s="2"/>
      <c r="S1029" s="2"/>
      <c r="T1029" s="2"/>
      <c r="U1029" s="2"/>
      <c r="V1029" s="2"/>
      <c r="W1029" s="2"/>
      <c r="X1029" s="2"/>
      <c r="Y1029" s="2"/>
      <c r="Z1029" s="2"/>
      <c r="AA1029" s="2"/>
      <c r="AB1029" s="2"/>
      <c r="AC1029" s="2"/>
      <c r="AD1029" s="2"/>
      <c r="AE1029" s="2"/>
      <c r="AF1029" s="2"/>
      <c r="AG1029" s="2"/>
      <c r="AH1029" s="2"/>
      <c r="AI1029" s="2"/>
      <c r="AJ1029" s="2"/>
      <c r="AK1029" s="2"/>
      <c r="AL1029" s="2"/>
      <c r="AM1029" s="2"/>
      <c r="AN1029" s="2"/>
      <c r="AO1029" s="2"/>
      <c r="AP1029" s="2"/>
      <c r="AQ1029" s="2"/>
      <c r="AR1029" s="2"/>
      <c r="AS1029" s="2"/>
      <c r="AT1029" s="2"/>
    </row>
    <row r="1030" spans="1:46" s="3" customFormat="1" ht="13.5" customHeight="1" x14ac:dyDescent="0.15">
      <c r="A1030" s="3">
        <v>1029</v>
      </c>
      <c r="B1030" s="26" t="s">
        <v>1051</v>
      </c>
      <c r="C1030" s="27" t="s">
        <v>819</v>
      </c>
      <c r="D1030" s="28">
        <v>571</v>
      </c>
      <c r="E1030" s="29" t="s">
        <v>1696</v>
      </c>
      <c r="F1030" s="29" t="s">
        <v>238</v>
      </c>
      <c r="G1030" s="27">
        <v>3</v>
      </c>
      <c r="H1030" s="2"/>
      <c r="I1030" s="2"/>
      <c r="J1030" s="2"/>
      <c r="K1030" s="2"/>
      <c r="L1030" s="2"/>
      <c r="M1030" s="2"/>
      <c r="N1030" s="2"/>
      <c r="O1030" s="2"/>
      <c r="P1030" s="2"/>
      <c r="Q1030" s="2"/>
      <c r="R1030" s="2"/>
      <c r="S1030" s="2"/>
      <c r="T1030" s="2"/>
      <c r="U1030" s="2"/>
      <c r="V1030" s="2"/>
      <c r="W1030" s="2"/>
      <c r="X1030" s="2"/>
      <c r="Y1030" s="2"/>
      <c r="Z1030" s="2"/>
      <c r="AA1030" s="2"/>
      <c r="AB1030" s="2"/>
      <c r="AC1030" s="2"/>
      <c r="AD1030" s="2"/>
      <c r="AE1030" s="2"/>
      <c r="AF1030" s="2"/>
      <c r="AG1030" s="2"/>
      <c r="AH1030" s="2"/>
      <c r="AI1030" s="2"/>
      <c r="AJ1030" s="2"/>
      <c r="AK1030" s="2"/>
      <c r="AL1030" s="2"/>
      <c r="AM1030" s="2"/>
      <c r="AN1030" s="2"/>
      <c r="AO1030" s="2"/>
      <c r="AP1030" s="2"/>
      <c r="AQ1030" s="2"/>
      <c r="AR1030" s="2"/>
      <c r="AS1030" s="2"/>
      <c r="AT1030" s="2"/>
    </row>
    <row r="1031" spans="1:46" s="3" customFormat="1" ht="13.5" customHeight="1" x14ac:dyDescent="0.15">
      <c r="A1031" s="3">
        <v>1030</v>
      </c>
      <c r="B1031" s="30" t="s">
        <v>613</v>
      </c>
      <c r="C1031" s="27" t="s">
        <v>819</v>
      </c>
      <c r="D1031" s="31">
        <v>3640</v>
      </c>
      <c r="E1031" s="32" t="s">
        <v>1056</v>
      </c>
      <c r="F1031" s="32" t="s">
        <v>1065</v>
      </c>
      <c r="G1031" s="27">
        <v>12</v>
      </c>
    </row>
    <row r="1032" spans="1:46" s="3" customFormat="1" ht="13.5" customHeight="1" x14ac:dyDescent="0.15">
      <c r="A1032" s="3">
        <v>1031</v>
      </c>
      <c r="B1032" s="30" t="s">
        <v>613</v>
      </c>
      <c r="C1032" s="27" t="s">
        <v>819</v>
      </c>
      <c r="D1032" s="31">
        <v>5410</v>
      </c>
      <c r="E1032" s="32" t="s">
        <v>498</v>
      </c>
      <c r="F1032" s="32" t="s">
        <v>1059</v>
      </c>
      <c r="G1032" s="27">
        <v>11</v>
      </c>
    </row>
    <row r="1033" spans="1:46" s="3" customFormat="1" ht="13.5" customHeight="1" x14ac:dyDescent="0.15">
      <c r="A1033" s="3">
        <v>1032</v>
      </c>
      <c r="B1033" s="30" t="s">
        <v>613</v>
      </c>
      <c r="C1033" s="27" t="s">
        <v>819</v>
      </c>
      <c r="D1033" s="31">
        <v>5470</v>
      </c>
      <c r="E1033" s="32" t="s">
        <v>951</v>
      </c>
      <c r="F1033" s="32" t="s">
        <v>66</v>
      </c>
      <c r="G1033" s="27">
        <v>6</v>
      </c>
    </row>
    <row r="1034" spans="1:46" s="3" customFormat="1" ht="13.5" customHeight="1" x14ac:dyDescent="0.15">
      <c r="A1034" s="3">
        <v>1033</v>
      </c>
      <c r="B1034" s="30" t="s">
        <v>613</v>
      </c>
      <c r="C1034" s="27" t="s">
        <v>819</v>
      </c>
      <c r="D1034" s="31">
        <v>6850</v>
      </c>
      <c r="E1034" s="32" t="s">
        <v>1132</v>
      </c>
      <c r="F1034" s="32" t="s">
        <v>1531</v>
      </c>
      <c r="G1034" s="27">
        <v>12</v>
      </c>
    </row>
    <row r="1035" spans="1:46" s="3" customFormat="1" ht="13.5" customHeight="1" x14ac:dyDescent="0.15">
      <c r="A1035" s="3">
        <v>1034</v>
      </c>
      <c r="B1035" s="30" t="s">
        <v>613</v>
      </c>
      <c r="C1035" s="27" t="s">
        <v>819</v>
      </c>
      <c r="D1035" s="31">
        <v>6960</v>
      </c>
      <c r="E1035" s="32" t="s">
        <v>2019</v>
      </c>
      <c r="F1035" s="32" t="s">
        <v>1530</v>
      </c>
      <c r="G1035" s="27">
        <v>9</v>
      </c>
    </row>
    <row r="1036" spans="1:46" s="3" customFormat="1" ht="13.5" customHeight="1" x14ac:dyDescent="0.15">
      <c r="A1036" s="3">
        <v>1035</v>
      </c>
      <c r="B1036" s="30" t="s">
        <v>613</v>
      </c>
      <c r="C1036" s="27" t="s">
        <v>819</v>
      </c>
      <c r="D1036" s="31">
        <v>8230</v>
      </c>
      <c r="E1036" s="32" t="s">
        <v>2128</v>
      </c>
      <c r="F1036" s="32" t="s">
        <v>2354</v>
      </c>
      <c r="G1036" s="27">
        <v>4</v>
      </c>
    </row>
    <row r="1037" spans="1:46" s="3" customFormat="1" ht="13.5" customHeight="1" x14ac:dyDescent="0.15">
      <c r="A1037" s="3">
        <v>1036</v>
      </c>
      <c r="B1037" s="30" t="s">
        <v>613</v>
      </c>
      <c r="C1037" s="27" t="s">
        <v>819</v>
      </c>
      <c r="D1037" s="31">
        <v>8330</v>
      </c>
      <c r="E1037" s="32" t="s">
        <v>1381</v>
      </c>
      <c r="F1037" s="32" t="s">
        <v>408</v>
      </c>
      <c r="G1037" s="27">
        <v>6</v>
      </c>
    </row>
    <row r="1038" spans="1:46" s="3" customFormat="1" ht="13.5" customHeight="1" x14ac:dyDescent="0.15">
      <c r="A1038" s="3">
        <v>1037</v>
      </c>
      <c r="B1038" s="30" t="s">
        <v>613</v>
      </c>
      <c r="C1038" s="27" t="s">
        <v>819</v>
      </c>
      <c r="D1038" s="31">
        <v>8550</v>
      </c>
      <c r="E1038" s="32" t="s">
        <v>576</v>
      </c>
      <c r="F1038" s="32" t="s">
        <v>407</v>
      </c>
      <c r="G1038" s="27">
        <v>6</v>
      </c>
    </row>
    <row r="1039" spans="1:46" s="3" customFormat="1" ht="13.5" customHeight="1" x14ac:dyDescent="0.15">
      <c r="A1039" s="3">
        <v>1038</v>
      </c>
      <c r="B1039" s="30" t="s">
        <v>613</v>
      </c>
      <c r="C1039" s="27" t="s">
        <v>819</v>
      </c>
      <c r="D1039" s="31">
        <v>9510</v>
      </c>
      <c r="E1039" s="32" t="s">
        <v>1461</v>
      </c>
      <c r="F1039" s="32" t="s">
        <v>409</v>
      </c>
      <c r="G1039" s="27">
        <v>12</v>
      </c>
    </row>
    <row r="1040" spans="1:46" s="3" customFormat="1" ht="13.5" customHeight="1" x14ac:dyDescent="0.15">
      <c r="A1040" s="3">
        <v>1039</v>
      </c>
      <c r="B1040" s="30" t="s">
        <v>613</v>
      </c>
      <c r="C1040" s="27" t="s">
        <v>819</v>
      </c>
      <c r="D1040" s="31">
        <v>10280</v>
      </c>
      <c r="E1040" s="32" t="s">
        <v>1152</v>
      </c>
      <c r="F1040" s="32" t="s">
        <v>1320</v>
      </c>
      <c r="G1040" s="27">
        <v>6</v>
      </c>
    </row>
    <row r="1041" spans="1:46" s="3" customFormat="1" ht="13.5" customHeight="1" x14ac:dyDescent="0.15">
      <c r="A1041" s="3">
        <v>1040</v>
      </c>
      <c r="B1041" s="30" t="s">
        <v>613</v>
      </c>
      <c r="C1041" s="27" t="s">
        <v>819</v>
      </c>
      <c r="D1041" s="31">
        <v>10320</v>
      </c>
      <c r="E1041" s="32" t="s">
        <v>838</v>
      </c>
      <c r="F1041" s="32" t="s">
        <v>1057</v>
      </c>
      <c r="G1041" s="27">
        <v>6</v>
      </c>
    </row>
    <row r="1042" spans="1:46" s="3" customFormat="1" ht="13.5" customHeight="1" x14ac:dyDescent="0.15">
      <c r="A1042" s="3">
        <v>1041</v>
      </c>
      <c r="B1042" s="30" t="s">
        <v>613</v>
      </c>
      <c r="C1042" s="27" t="s">
        <v>819</v>
      </c>
      <c r="D1042" s="31">
        <v>10830</v>
      </c>
      <c r="E1042" s="32" t="s">
        <v>2412</v>
      </c>
      <c r="F1042" s="32" t="s">
        <v>1064</v>
      </c>
      <c r="G1042" s="27">
        <v>9</v>
      </c>
    </row>
    <row r="1043" spans="1:46" s="3" customFormat="1" ht="13.5" customHeight="1" x14ac:dyDescent="0.15">
      <c r="A1043" s="3">
        <v>1042</v>
      </c>
      <c r="B1043" s="30" t="s">
        <v>613</v>
      </c>
      <c r="C1043" s="27" t="s">
        <v>819</v>
      </c>
      <c r="D1043" s="31">
        <v>11630</v>
      </c>
      <c r="E1043" s="32" t="s">
        <v>1650</v>
      </c>
      <c r="F1043" s="32" t="s">
        <v>2110</v>
      </c>
      <c r="G1043" s="27">
        <v>6</v>
      </c>
    </row>
    <row r="1044" spans="1:46" s="3" customFormat="1" ht="13.5" customHeight="1" x14ac:dyDescent="0.15">
      <c r="A1044" s="3">
        <v>1043</v>
      </c>
      <c r="B1044" s="30" t="s">
        <v>613</v>
      </c>
      <c r="C1044" s="27" t="s">
        <v>819</v>
      </c>
      <c r="D1044" s="31">
        <v>12020</v>
      </c>
      <c r="E1044" s="32" t="s">
        <v>296</v>
      </c>
      <c r="F1044" s="32" t="s">
        <v>1066</v>
      </c>
      <c r="G1044" s="27">
        <v>6</v>
      </c>
    </row>
    <row r="1045" spans="1:46" s="3" customFormat="1" ht="13.5" customHeight="1" x14ac:dyDescent="0.15">
      <c r="A1045" s="3">
        <v>1044</v>
      </c>
      <c r="B1045" s="30" t="s">
        <v>613</v>
      </c>
      <c r="C1045" s="27" t="s">
        <v>819</v>
      </c>
      <c r="D1045" s="31">
        <v>12940</v>
      </c>
      <c r="E1045" s="32" t="s">
        <v>533</v>
      </c>
      <c r="F1045" s="32" t="s">
        <v>65</v>
      </c>
      <c r="G1045" s="27">
        <v>7</v>
      </c>
    </row>
    <row r="1046" spans="1:46" s="3" customFormat="1" ht="13.5" customHeight="1" x14ac:dyDescent="0.15">
      <c r="A1046" s="3">
        <v>1045</v>
      </c>
      <c r="B1046" s="30" t="s">
        <v>613</v>
      </c>
      <c r="C1046" s="27" t="s">
        <v>819</v>
      </c>
      <c r="D1046" s="31">
        <v>13970</v>
      </c>
      <c r="E1046" s="32" t="s">
        <v>1518</v>
      </c>
      <c r="F1046" s="32" t="s">
        <v>2261</v>
      </c>
      <c r="G1046" s="27">
        <v>12</v>
      </c>
    </row>
    <row r="1047" spans="1:46" s="3" customFormat="1" ht="13.5" customHeight="1" x14ac:dyDescent="0.15">
      <c r="A1047" s="3">
        <v>1046</v>
      </c>
      <c r="B1047" s="30" t="s">
        <v>613</v>
      </c>
      <c r="C1047" s="27" t="s">
        <v>819</v>
      </c>
      <c r="D1047" s="31">
        <v>15890</v>
      </c>
      <c r="E1047" s="32" t="s">
        <v>1073</v>
      </c>
      <c r="F1047" s="32" t="s">
        <v>1044</v>
      </c>
      <c r="G1047" s="27">
        <v>9</v>
      </c>
    </row>
    <row r="1048" spans="1:46" s="3" customFormat="1" ht="13.5" customHeight="1" x14ac:dyDescent="0.15">
      <c r="A1048" s="3">
        <v>1047</v>
      </c>
      <c r="B1048" s="30" t="s">
        <v>613</v>
      </c>
      <c r="C1048" s="27" t="s">
        <v>819</v>
      </c>
      <c r="D1048" s="31">
        <v>15920</v>
      </c>
      <c r="E1048" s="32" t="s">
        <v>1074</v>
      </c>
      <c r="F1048" s="32" t="s">
        <v>1023</v>
      </c>
      <c r="G1048" s="27">
        <v>12</v>
      </c>
    </row>
    <row r="1049" spans="1:46" s="3" customFormat="1" ht="13.5" customHeight="1" x14ac:dyDescent="0.15">
      <c r="A1049" s="3">
        <v>1048</v>
      </c>
      <c r="B1049" s="30" t="s">
        <v>613</v>
      </c>
      <c r="C1049" s="27" t="s">
        <v>819</v>
      </c>
      <c r="D1049" s="31">
        <v>19420</v>
      </c>
      <c r="E1049" s="32" t="s">
        <v>1027</v>
      </c>
      <c r="F1049" s="32" t="s">
        <v>1058</v>
      </c>
      <c r="G1049" s="27">
        <v>4</v>
      </c>
      <c r="H1049" s="2"/>
      <c r="I1049" s="2"/>
      <c r="J1049" s="2"/>
      <c r="K1049" s="2"/>
      <c r="L1049" s="2"/>
      <c r="M1049" s="2"/>
      <c r="N1049" s="2"/>
      <c r="O1049" s="2"/>
      <c r="P1049" s="2"/>
      <c r="Q1049" s="2"/>
      <c r="R1049" s="2"/>
      <c r="S1049" s="2"/>
      <c r="T1049" s="2"/>
      <c r="U1049" s="2"/>
      <c r="V1049" s="2"/>
      <c r="W1049" s="2"/>
      <c r="X1049" s="2"/>
      <c r="Y1049" s="2"/>
      <c r="Z1049" s="2"/>
      <c r="AA1049" s="2"/>
      <c r="AB1049" s="2"/>
      <c r="AC1049" s="2"/>
      <c r="AD1049" s="2"/>
      <c r="AE1049" s="2"/>
      <c r="AF1049" s="2"/>
      <c r="AG1049" s="2"/>
      <c r="AH1049" s="2"/>
      <c r="AI1049" s="2"/>
      <c r="AJ1049" s="2"/>
      <c r="AK1049" s="2"/>
      <c r="AL1049" s="2"/>
      <c r="AM1049" s="2"/>
      <c r="AN1049" s="2"/>
      <c r="AO1049" s="2"/>
      <c r="AP1049" s="2"/>
      <c r="AQ1049" s="2"/>
      <c r="AR1049" s="2"/>
      <c r="AS1049" s="2"/>
      <c r="AT1049" s="2"/>
    </row>
    <row r="1050" spans="1:46" s="3" customFormat="1" ht="13.5" customHeight="1" x14ac:dyDescent="0.15">
      <c r="A1050" s="3">
        <v>1049</v>
      </c>
      <c r="B1050" s="30" t="s">
        <v>613</v>
      </c>
      <c r="C1050" s="27" t="s">
        <v>360</v>
      </c>
      <c r="D1050" s="34">
        <v>20840</v>
      </c>
      <c r="E1050" s="32" t="s">
        <v>950</v>
      </c>
      <c r="F1050" s="32" t="s">
        <v>624</v>
      </c>
      <c r="G1050" s="27">
        <v>7</v>
      </c>
    </row>
    <row r="1051" spans="1:46" s="3" customFormat="1" ht="13.5" customHeight="1" x14ac:dyDescent="0.15">
      <c r="A1051" s="3">
        <v>1050</v>
      </c>
      <c r="B1051" s="30" t="s">
        <v>613</v>
      </c>
      <c r="C1051" s="27" t="s">
        <v>819</v>
      </c>
      <c r="D1051" s="31">
        <v>21260</v>
      </c>
      <c r="E1051" s="32" t="s">
        <v>405</v>
      </c>
      <c r="F1051" s="32" t="s">
        <v>625</v>
      </c>
      <c r="G1051" s="27">
        <v>3</v>
      </c>
    </row>
    <row r="1052" spans="1:46" s="3" customFormat="1" ht="13.5" customHeight="1" x14ac:dyDescent="0.15">
      <c r="A1052" s="3">
        <v>1051</v>
      </c>
      <c r="B1052" s="30" t="s">
        <v>613</v>
      </c>
      <c r="C1052" s="27" t="s">
        <v>819</v>
      </c>
      <c r="D1052" s="31">
        <v>21740</v>
      </c>
      <c r="E1052" s="32" t="s">
        <v>2030</v>
      </c>
      <c r="F1052" s="32" t="s">
        <v>1045</v>
      </c>
      <c r="G1052" s="27">
        <v>3</v>
      </c>
    </row>
    <row r="1053" spans="1:46" s="3" customFormat="1" ht="13.5" customHeight="1" x14ac:dyDescent="0.15">
      <c r="A1053" s="3">
        <v>1052</v>
      </c>
      <c r="B1053" s="30" t="s">
        <v>613</v>
      </c>
      <c r="C1053" s="27" t="s">
        <v>819</v>
      </c>
      <c r="D1053" s="31">
        <v>22190</v>
      </c>
      <c r="E1053" s="32" t="s">
        <v>1730</v>
      </c>
      <c r="F1053" s="32" t="s">
        <v>1022</v>
      </c>
      <c r="G1053" s="27">
        <v>6</v>
      </c>
    </row>
    <row r="1054" spans="1:46" s="3" customFormat="1" ht="13.5" customHeight="1" x14ac:dyDescent="0.15">
      <c r="A1054" s="3">
        <v>1053</v>
      </c>
      <c r="B1054" s="30" t="s">
        <v>613</v>
      </c>
      <c r="C1054" s="27" t="s">
        <v>360</v>
      </c>
      <c r="D1054" s="31">
        <v>22270</v>
      </c>
      <c r="E1054" s="32" t="s">
        <v>2355</v>
      </c>
      <c r="F1054" s="32" t="s">
        <v>2356</v>
      </c>
      <c r="G1054" s="27">
        <v>8</v>
      </c>
    </row>
    <row r="1055" spans="1:46" s="3" customFormat="1" ht="13.5" customHeight="1" x14ac:dyDescent="0.15">
      <c r="A1055" s="3">
        <v>1054</v>
      </c>
      <c r="B1055" s="30" t="s">
        <v>613</v>
      </c>
      <c r="C1055" s="27" t="s">
        <v>819</v>
      </c>
      <c r="D1055" s="31">
        <v>26440</v>
      </c>
      <c r="E1055" s="32" t="s">
        <v>254</v>
      </c>
      <c r="F1055" s="32" t="s">
        <v>1321</v>
      </c>
      <c r="G1055" s="27">
        <v>6</v>
      </c>
    </row>
    <row r="1056" spans="1:46" s="3" customFormat="1" ht="13.5" customHeight="1" x14ac:dyDescent="0.15">
      <c r="A1056" s="3">
        <v>1055</v>
      </c>
      <c r="B1056" s="30" t="s">
        <v>613</v>
      </c>
      <c r="C1056" s="27" t="s">
        <v>819</v>
      </c>
      <c r="D1056" s="31">
        <v>27260</v>
      </c>
      <c r="E1056" s="32" t="s">
        <v>611</v>
      </c>
      <c r="F1056" s="32" t="s">
        <v>1046</v>
      </c>
      <c r="G1056" s="27">
        <v>10</v>
      </c>
    </row>
    <row r="1057" spans="1:46" s="3" customFormat="1" ht="13.5" customHeight="1" x14ac:dyDescent="0.15">
      <c r="A1057" s="3">
        <v>1056</v>
      </c>
      <c r="B1057" s="30" t="s">
        <v>613</v>
      </c>
      <c r="C1057" s="27" t="s">
        <v>819</v>
      </c>
      <c r="D1057" s="31">
        <v>27670</v>
      </c>
      <c r="E1057" s="32" t="s">
        <v>593</v>
      </c>
      <c r="F1057" s="32" t="s">
        <v>1322</v>
      </c>
      <c r="G1057" s="27">
        <v>6</v>
      </c>
    </row>
    <row r="1058" spans="1:46" s="3" customFormat="1" ht="13.5" customHeight="1" x14ac:dyDescent="0.15">
      <c r="A1058" s="3">
        <v>1057</v>
      </c>
      <c r="B1058" s="30" t="s">
        <v>613</v>
      </c>
      <c r="C1058" s="27" t="s">
        <v>819</v>
      </c>
      <c r="D1058" s="31">
        <v>29500</v>
      </c>
      <c r="E1058" s="32" t="s">
        <v>948</v>
      </c>
      <c r="F1058" s="32" t="s">
        <v>1067</v>
      </c>
      <c r="G1058" s="27">
        <v>5</v>
      </c>
    </row>
    <row r="1059" spans="1:46" s="3" customFormat="1" ht="13.5" customHeight="1" x14ac:dyDescent="0.15">
      <c r="A1059" s="3">
        <v>1058</v>
      </c>
      <c r="B1059" s="30" t="s">
        <v>613</v>
      </c>
      <c r="C1059" s="27" t="s">
        <v>819</v>
      </c>
      <c r="D1059" s="31">
        <v>29510</v>
      </c>
      <c r="E1059" s="32" t="s">
        <v>730</v>
      </c>
      <c r="F1059" s="32" t="s">
        <v>1060</v>
      </c>
      <c r="G1059" s="27">
        <v>6</v>
      </c>
    </row>
    <row r="1060" spans="1:46" s="3" customFormat="1" ht="13.5" customHeight="1" x14ac:dyDescent="0.15">
      <c r="A1060" s="3">
        <v>1059</v>
      </c>
      <c r="B1060" s="30" t="s">
        <v>613</v>
      </c>
      <c r="C1060" s="27" t="s">
        <v>819</v>
      </c>
      <c r="D1060" s="31">
        <v>29530</v>
      </c>
      <c r="E1060" s="32" t="s">
        <v>1582</v>
      </c>
      <c r="F1060" s="32" t="s">
        <v>64</v>
      </c>
      <c r="G1060" s="27">
        <v>6</v>
      </c>
    </row>
    <row r="1061" spans="1:46" s="3" customFormat="1" ht="13.5" customHeight="1" x14ac:dyDescent="0.15">
      <c r="A1061" s="3">
        <v>1060</v>
      </c>
      <c r="B1061" s="30" t="s">
        <v>613</v>
      </c>
      <c r="C1061" s="27" t="s">
        <v>819</v>
      </c>
      <c r="D1061" s="31">
        <v>34000</v>
      </c>
      <c r="E1061" s="32" t="s">
        <v>1146</v>
      </c>
      <c r="F1061" s="32" t="s">
        <v>1391</v>
      </c>
      <c r="G1061" s="27">
        <v>8</v>
      </c>
    </row>
    <row r="1062" spans="1:46" s="3" customFormat="1" ht="13.5" customHeight="1" x14ac:dyDescent="0.15">
      <c r="A1062" s="3">
        <v>1061</v>
      </c>
      <c r="B1062" s="30" t="s">
        <v>613</v>
      </c>
      <c r="C1062" s="27" t="s">
        <v>819</v>
      </c>
      <c r="D1062" s="31">
        <v>34430</v>
      </c>
      <c r="E1062" s="32" t="s">
        <v>508</v>
      </c>
      <c r="F1062" s="32" t="s">
        <v>1919</v>
      </c>
      <c r="G1062" s="27">
        <v>6</v>
      </c>
    </row>
    <row r="1063" spans="1:46" s="3" customFormat="1" ht="13.5" customHeight="1" x14ac:dyDescent="0.15">
      <c r="A1063" s="3">
        <v>1062</v>
      </c>
      <c r="B1063" s="30" t="s">
        <v>613</v>
      </c>
      <c r="C1063" s="27" t="s">
        <v>819</v>
      </c>
      <c r="D1063" s="31">
        <v>35760</v>
      </c>
      <c r="E1063" s="32" t="s">
        <v>480</v>
      </c>
      <c r="F1063" s="32" t="s">
        <v>63</v>
      </c>
      <c r="G1063" s="27">
        <v>3</v>
      </c>
    </row>
    <row r="1064" spans="1:46" s="9" customFormat="1" ht="13.5" customHeight="1" x14ac:dyDescent="0.15">
      <c r="A1064" s="3">
        <v>1063</v>
      </c>
      <c r="B1064" s="30" t="s">
        <v>613</v>
      </c>
      <c r="C1064" s="27" t="s">
        <v>819</v>
      </c>
      <c r="D1064" s="31">
        <v>35770</v>
      </c>
      <c r="E1064" s="32" t="s">
        <v>2126</v>
      </c>
      <c r="F1064" s="32" t="s">
        <v>626</v>
      </c>
      <c r="G1064" s="27">
        <v>6</v>
      </c>
      <c r="H1064" s="3"/>
      <c r="I1064" s="3"/>
      <c r="J1064" s="3"/>
      <c r="K1064" s="3"/>
      <c r="L1064" s="3"/>
      <c r="M1064" s="3"/>
      <c r="N1064" s="3"/>
      <c r="O1064" s="3"/>
      <c r="P1064" s="3"/>
      <c r="Q1064" s="3"/>
      <c r="R1064" s="3"/>
      <c r="S1064" s="3"/>
      <c r="T1064" s="3"/>
      <c r="U1064" s="3"/>
      <c r="V1064" s="3"/>
      <c r="W1064" s="3"/>
      <c r="X1064" s="3"/>
      <c r="Y1064" s="3"/>
      <c r="Z1064" s="3"/>
      <c r="AA1064" s="3"/>
      <c r="AB1064" s="3"/>
      <c r="AC1064" s="3"/>
      <c r="AD1064" s="3"/>
      <c r="AE1064" s="3"/>
      <c r="AF1064" s="3"/>
      <c r="AG1064" s="3"/>
      <c r="AH1064" s="3"/>
      <c r="AI1064" s="3"/>
      <c r="AJ1064" s="3"/>
      <c r="AK1064" s="3"/>
      <c r="AL1064" s="3"/>
      <c r="AM1064" s="3"/>
      <c r="AN1064" s="3"/>
      <c r="AO1064" s="3"/>
      <c r="AP1064" s="3"/>
      <c r="AQ1064" s="3"/>
      <c r="AR1064" s="3"/>
      <c r="AS1064" s="3"/>
      <c r="AT1064" s="3"/>
    </row>
    <row r="1065" spans="1:46" s="3" customFormat="1" ht="13.5" customHeight="1" x14ac:dyDescent="0.15">
      <c r="A1065" s="3">
        <v>1064</v>
      </c>
      <c r="B1065" s="30" t="s">
        <v>613</v>
      </c>
      <c r="C1065" s="27" t="s">
        <v>819</v>
      </c>
      <c r="D1065" s="31">
        <v>38390</v>
      </c>
      <c r="E1065" s="32" t="s">
        <v>3004</v>
      </c>
      <c r="F1065" s="32" t="s">
        <v>652</v>
      </c>
      <c r="G1065" s="27">
        <v>3</v>
      </c>
    </row>
    <row r="1066" spans="1:46" s="3" customFormat="1" ht="13.5" customHeight="1" x14ac:dyDescent="0.15">
      <c r="A1066" s="3">
        <v>1065</v>
      </c>
      <c r="B1066" s="30" t="s">
        <v>613</v>
      </c>
      <c r="C1066" s="27" t="s">
        <v>819</v>
      </c>
      <c r="D1066" s="31">
        <v>39310</v>
      </c>
      <c r="E1066" s="32" t="s">
        <v>3035</v>
      </c>
      <c r="F1066" s="32" t="s">
        <v>2583</v>
      </c>
      <c r="G1066" s="27">
        <v>6</v>
      </c>
    </row>
    <row r="1067" spans="1:46" s="3" customFormat="1" ht="13.5" customHeight="1" x14ac:dyDescent="0.15">
      <c r="A1067" s="3">
        <v>1066</v>
      </c>
      <c r="B1067" s="30" t="s">
        <v>613</v>
      </c>
      <c r="C1067" s="27" t="s">
        <v>819</v>
      </c>
      <c r="D1067" s="31">
        <v>42210</v>
      </c>
      <c r="E1067" s="32" t="s">
        <v>1550</v>
      </c>
      <c r="F1067" s="32" t="s">
        <v>1551</v>
      </c>
      <c r="G1067" s="27">
        <v>6</v>
      </c>
    </row>
    <row r="1068" spans="1:46" s="3" customFormat="1" ht="13.5" customHeight="1" x14ac:dyDescent="0.15">
      <c r="A1068" s="3">
        <v>1067</v>
      </c>
      <c r="B1068" s="30" t="s">
        <v>613</v>
      </c>
      <c r="C1068" s="27" t="s">
        <v>360</v>
      </c>
      <c r="D1068" s="34">
        <v>42410</v>
      </c>
      <c r="E1068" s="32" t="s">
        <v>2589</v>
      </c>
      <c r="F1068" s="32" t="s">
        <v>2590</v>
      </c>
      <c r="G1068" s="27">
        <v>12</v>
      </c>
    </row>
    <row r="1069" spans="1:46" s="3" customFormat="1" ht="13.5" customHeight="1" x14ac:dyDescent="0.15">
      <c r="A1069" s="3">
        <v>1068</v>
      </c>
      <c r="B1069" s="30" t="s">
        <v>613</v>
      </c>
      <c r="C1069" s="27" t="s">
        <v>2135</v>
      </c>
      <c r="D1069" s="34">
        <v>42670</v>
      </c>
      <c r="E1069" s="32" t="s">
        <v>3119</v>
      </c>
      <c r="F1069" s="32" t="s">
        <v>2136</v>
      </c>
      <c r="G1069" s="27">
        <v>9</v>
      </c>
    </row>
    <row r="1070" spans="1:46" s="3" customFormat="1" ht="13.5" customHeight="1" x14ac:dyDescent="0.15">
      <c r="A1070" s="3">
        <v>1069</v>
      </c>
      <c r="B1070" s="30" t="s">
        <v>613</v>
      </c>
      <c r="C1070" s="27" t="s">
        <v>2135</v>
      </c>
      <c r="D1070" s="31">
        <v>143790</v>
      </c>
      <c r="E1070" s="32" t="s">
        <v>2476</v>
      </c>
      <c r="F1070" s="32" t="s">
        <v>2477</v>
      </c>
      <c r="G1070" s="27">
        <v>9</v>
      </c>
    </row>
    <row r="1071" spans="1:46" s="3" customFormat="1" ht="13.5" customHeight="1" x14ac:dyDescent="0.15">
      <c r="A1071" s="3">
        <v>1070</v>
      </c>
      <c r="B1071" s="30" t="s">
        <v>613</v>
      </c>
      <c r="C1071" s="27" t="s">
        <v>2135</v>
      </c>
      <c r="D1071" s="31">
        <v>143960</v>
      </c>
      <c r="E1071" s="32" t="s">
        <v>2498</v>
      </c>
      <c r="F1071" s="32" t="s">
        <v>2499</v>
      </c>
      <c r="G1071" s="27">
        <v>9</v>
      </c>
    </row>
    <row r="1072" spans="1:46" s="3" customFormat="1" ht="13.5" customHeight="1" x14ac:dyDescent="0.15">
      <c r="A1072" s="3">
        <v>1071</v>
      </c>
      <c r="B1072" s="26" t="s">
        <v>549</v>
      </c>
      <c r="C1072" s="27" t="s">
        <v>360</v>
      </c>
      <c r="D1072" s="28">
        <v>144600</v>
      </c>
      <c r="E1072" s="45" t="s">
        <v>2716</v>
      </c>
      <c r="F1072" s="45" t="s">
        <v>2724</v>
      </c>
      <c r="G1072" s="39">
        <v>8</v>
      </c>
    </row>
    <row r="1073" spans="1:46" s="3" customFormat="1" ht="13.5" customHeight="1" x14ac:dyDescent="0.15">
      <c r="A1073" s="3">
        <v>1072</v>
      </c>
      <c r="B1073" s="30" t="s">
        <v>613</v>
      </c>
      <c r="C1073" s="27" t="s">
        <v>2135</v>
      </c>
      <c r="D1073" s="28">
        <v>145040</v>
      </c>
      <c r="E1073" s="29" t="s">
        <v>2762</v>
      </c>
      <c r="F1073" s="40" t="s">
        <v>2752</v>
      </c>
      <c r="G1073" s="39">
        <v>3</v>
      </c>
    </row>
    <row r="1074" spans="1:46" s="3" customFormat="1" ht="13.5" customHeight="1" x14ac:dyDescent="0.15">
      <c r="A1074" s="3">
        <v>1073</v>
      </c>
      <c r="B1074" s="30" t="s">
        <v>613</v>
      </c>
      <c r="C1074" s="27" t="s">
        <v>2963</v>
      </c>
      <c r="D1074" s="28">
        <v>145980</v>
      </c>
      <c r="E1074" s="40" t="s">
        <v>2980</v>
      </c>
      <c r="F1074" s="51" t="s">
        <v>2951</v>
      </c>
      <c r="G1074" s="27">
        <v>4</v>
      </c>
      <c r="H1074" s="2"/>
      <c r="I1074" s="2"/>
      <c r="J1074" s="2"/>
      <c r="K1074" s="2"/>
      <c r="L1074" s="2"/>
      <c r="M1074" s="2"/>
      <c r="N1074" s="2"/>
      <c r="O1074" s="2"/>
      <c r="P1074" s="2"/>
      <c r="Q1074" s="2"/>
      <c r="R1074" s="2"/>
      <c r="S1074" s="2"/>
      <c r="T1074" s="2"/>
      <c r="U1074" s="2"/>
      <c r="V1074" s="2"/>
      <c r="W1074" s="2"/>
      <c r="X1074" s="2"/>
      <c r="Y1074" s="2"/>
      <c r="Z1074" s="2"/>
      <c r="AA1074" s="2"/>
      <c r="AB1074" s="2"/>
      <c r="AC1074" s="2"/>
      <c r="AD1074" s="2"/>
      <c r="AE1074" s="2"/>
      <c r="AF1074" s="2"/>
      <c r="AG1074" s="2"/>
      <c r="AH1074" s="2"/>
      <c r="AI1074" s="2"/>
      <c r="AJ1074" s="2"/>
      <c r="AK1074" s="2"/>
      <c r="AL1074" s="2"/>
      <c r="AM1074" s="2"/>
      <c r="AN1074" s="2"/>
      <c r="AO1074" s="2"/>
      <c r="AP1074" s="2"/>
      <c r="AQ1074" s="2"/>
      <c r="AR1074" s="2"/>
      <c r="AS1074" s="2"/>
      <c r="AT1074" s="2"/>
    </row>
    <row r="1075" spans="1:46" s="3" customFormat="1" ht="13.5" customHeight="1" x14ac:dyDescent="0.15">
      <c r="A1075" s="3">
        <v>1074</v>
      </c>
      <c r="B1075" s="30" t="s">
        <v>613</v>
      </c>
      <c r="C1075" s="27" t="s">
        <v>2732</v>
      </c>
      <c r="D1075" s="28">
        <v>146000</v>
      </c>
      <c r="E1075" s="41" t="s">
        <v>3114</v>
      </c>
      <c r="F1075" s="52" t="s">
        <v>2953</v>
      </c>
      <c r="G1075" s="27">
        <v>2</v>
      </c>
      <c r="H1075" s="2"/>
      <c r="I1075" s="2"/>
      <c r="J1075" s="2"/>
      <c r="K1075" s="2"/>
      <c r="L1075" s="2"/>
      <c r="M1075" s="2"/>
      <c r="N1075" s="2"/>
      <c r="O1075" s="2"/>
      <c r="P1075" s="2"/>
      <c r="Q1075" s="2"/>
      <c r="R1075" s="2"/>
      <c r="S1075" s="2"/>
      <c r="T1075" s="2"/>
      <c r="U1075" s="2"/>
      <c r="V1075" s="2"/>
      <c r="W1075" s="2"/>
      <c r="X1075" s="2"/>
      <c r="Y1075" s="2"/>
      <c r="Z1075" s="2"/>
      <c r="AA1075" s="2"/>
      <c r="AB1075" s="2"/>
      <c r="AC1075" s="2"/>
      <c r="AD1075" s="2"/>
      <c r="AE1075" s="2"/>
      <c r="AF1075" s="2"/>
      <c r="AG1075" s="2"/>
      <c r="AH1075" s="2"/>
      <c r="AI1075" s="2"/>
      <c r="AJ1075" s="2"/>
      <c r="AK1075" s="2"/>
      <c r="AL1075" s="2"/>
      <c r="AM1075" s="2"/>
      <c r="AN1075" s="2"/>
      <c r="AO1075" s="2"/>
      <c r="AP1075" s="2"/>
      <c r="AQ1075" s="2"/>
      <c r="AR1075" s="2"/>
      <c r="AS1075" s="2"/>
      <c r="AT1075" s="2"/>
    </row>
    <row r="1076" spans="1:46" s="3" customFormat="1" ht="13.5" customHeight="1" x14ac:dyDescent="0.15">
      <c r="A1076" s="3">
        <v>1075</v>
      </c>
      <c r="B1076" s="26" t="s">
        <v>1051</v>
      </c>
      <c r="C1076" s="27" t="s">
        <v>1984</v>
      </c>
      <c r="D1076" s="28">
        <v>581</v>
      </c>
      <c r="E1076" s="29" t="s">
        <v>953</v>
      </c>
      <c r="F1076" s="29" t="s">
        <v>241</v>
      </c>
      <c r="G1076" s="27">
        <v>3</v>
      </c>
      <c r="H1076" s="2"/>
      <c r="I1076" s="2"/>
      <c r="J1076" s="2"/>
      <c r="K1076" s="2"/>
      <c r="L1076" s="2"/>
      <c r="M1076" s="2"/>
      <c r="N1076" s="2"/>
      <c r="O1076" s="2"/>
      <c r="P1076" s="2"/>
      <c r="Q1076" s="2"/>
      <c r="R1076" s="2"/>
      <c r="S1076" s="2"/>
      <c r="T1076" s="2"/>
      <c r="U1076" s="2"/>
      <c r="V1076" s="2"/>
      <c r="W1076" s="2"/>
      <c r="X1076" s="2"/>
      <c r="Y1076" s="2"/>
      <c r="Z1076" s="2"/>
      <c r="AA1076" s="2"/>
      <c r="AB1076" s="2"/>
      <c r="AC1076" s="2"/>
      <c r="AD1076" s="2"/>
      <c r="AE1076" s="2"/>
      <c r="AF1076" s="2"/>
      <c r="AG1076" s="2"/>
      <c r="AH1076" s="2"/>
      <c r="AI1076" s="2"/>
      <c r="AJ1076" s="2"/>
      <c r="AK1076" s="2"/>
      <c r="AL1076" s="2"/>
      <c r="AM1076" s="2"/>
      <c r="AN1076" s="2"/>
      <c r="AO1076" s="2"/>
      <c r="AP1076" s="2"/>
      <c r="AQ1076" s="2"/>
      <c r="AR1076" s="2"/>
      <c r="AS1076" s="2"/>
      <c r="AT1076" s="2"/>
    </row>
    <row r="1077" spans="1:46" s="3" customFormat="1" ht="13.5" customHeight="1" x14ac:dyDescent="0.15">
      <c r="A1077" s="3">
        <v>1076</v>
      </c>
      <c r="B1077" s="26" t="s">
        <v>1051</v>
      </c>
      <c r="C1077" s="27" t="s">
        <v>1984</v>
      </c>
      <c r="D1077" s="28">
        <v>591</v>
      </c>
      <c r="E1077" s="29" t="s">
        <v>3590</v>
      </c>
      <c r="F1077" s="29" t="s">
        <v>240</v>
      </c>
      <c r="G1077" s="27">
        <v>3</v>
      </c>
      <c r="H1077" s="2"/>
      <c r="I1077" s="2"/>
      <c r="J1077" s="2"/>
      <c r="K1077" s="2"/>
      <c r="L1077" s="2"/>
      <c r="M1077" s="2"/>
      <c r="N1077" s="2"/>
      <c r="O1077" s="2"/>
      <c r="P1077" s="2"/>
      <c r="Q1077" s="2"/>
      <c r="R1077" s="2"/>
      <c r="S1077" s="2"/>
      <c r="T1077" s="2"/>
      <c r="U1077" s="2"/>
      <c r="V1077" s="2"/>
      <c r="W1077" s="2"/>
      <c r="X1077" s="2"/>
      <c r="Y1077" s="2"/>
      <c r="Z1077" s="2"/>
      <c r="AA1077" s="2"/>
      <c r="AB1077" s="2"/>
      <c r="AC1077" s="2"/>
      <c r="AD1077" s="2"/>
      <c r="AE1077" s="2"/>
      <c r="AF1077" s="2"/>
      <c r="AG1077" s="2"/>
      <c r="AH1077" s="2"/>
      <c r="AI1077" s="2"/>
      <c r="AJ1077" s="2"/>
      <c r="AK1077" s="2"/>
      <c r="AL1077" s="2"/>
      <c r="AM1077" s="2"/>
      <c r="AN1077" s="2"/>
      <c r="AO1077" s="2"/>
      <c r="AP1077" s="2"/>
      <c r="AQ1077" s="2"/>
      <c r="AR1077" s="2"/>
      <c r="AS1077" s="2"/>
      <c r="AT1077" s="2"/>
    </row>
    <row r="1078" spans="1:46" s="3" customFormat="1" ht="13.5" customHeight="1" x14ac:dyDescent="0.15">
      <c r="A1078" s="3">
        <v>1077</v>
      </c>
      <c r="B1078" s="26" t="s">
        <v>1051</v>
      </c>
      <c r="C1078" s="27" t="s">
        <v>1984</v>
      </c>
      <c r="D1078" s="28">
        <v>611</v>
      </c>
      <c r="E1078" s="29" t="s">
        <v>2350</v>
      </c>
      <c r="F1078" s="29" t="s">
        <v>1941</v>
      </c>
      <c r="G1078" s="27">
        <v>6</v>
      </c>
      <c r="H1078" s="2"/>
      <c r="I1078" s="2"/>
      <c r="J1078" s="2"/>
      <c r="K1078" s="2"/>
      <c r="L1078" s="2"/>
      <c r="M1078" s="2"/>
      <c r="N1078" s="2"/>
      <c r="O1078" s="2"/>
      <c r="P1078" s="2"/>
      <c r="Q1078" s="2"/>
      <c r="R1078" s="2"/>
      <c r="S1078" s="2"/>
      <c r="T1078" s="2"/>
      <c r="U1078" s="2"/>
      <c r="V1078" s="2"/>
      <c r="W1078" s="2"/>
      <c r="X1078" s="2"/>
      <c r="Y1078" s="2"/>
      <c r="Z1078" s="2"/>
      <c r="AA1078" s="2"/>
      <c r="AB1078" s="2"/>
      <c r="AC1078" s="2"/>
      <c r="AD1078" s="2"/>
      <c r="AE1078" s="2"/>
      <c r="AF1078" s="2"/>
      <c r="AG1078" s="2"/>
      <c r="AH1078" s="2"/>
      <c r="AI1078" s="2"/>
      <c r="AJ1078" s="2"/>
      <c r="AK1078" s="2"/>
      <c r="AL1078" s="2"/>
      <c r="AM1078" s="2"/>
      <c r="AN1078" s="2"/>
      <c r="AO1078" s="2"/>
      <c r="AP1078" s="2"/>
      <c r="AQ1078" s="2"/>
      <c r="AR1078" s="2"/>
      <c r="AS1078" s="2"/>
      <c r="AT1078" s="2"/>
    </row>
    <row r="1079" spans="1:46" s="3" customFormat="1" ht="13.5" customHeight="1" x14ac:dyDescent="0.15">
      <c r="A1079" s="3">
        <v>1078</v>
      </c>
      <c r="B1079" s="30" t="s">
        <v>613</v>
      </c>
      <c r="C1079" s="27" t="s">
        <v>1984</v>
      </c>
      <c r="D1079" s="31">
        <v>4360</v>
      </c>
      <c r="E1079" s="32" t="s">
        <v>1515</v>
      </c>
      <c r="F1079" s="32" t="s">
        <v>1931</v>
      </c>
      <c r="G1079" s="27">
        <v>10</v>
      </c>
    </row>
    <row r="1080" spans="1:46" s="3" customFormat="1" ht="13.5" customHeight="1" x14ac:dyDescent="0.15">
      <c r="A1080" s="3">
        <v>1079</v>
      </c>
      <c r="B1080" s="30" t="s">
        <v>613</v>
      </c>
      <c r="C1080" s="27" t="s">
        <v>1984</v>
      </c>
      <c r="D1080" s="31">
        <v>4470</v>
      </c>
      <c r="E1080" s="32" t="s">
        <v>399</v>
      </c>
      <c r="F1080" s="32" t="s">
        <v>214</v>
      </c>
      <c r="G1080" s="27">
        <v>6</v>
      </c>
    </row>
    <row r="1081" spans="1:46" s="3" customFormat="1" ht="13.5" customHeight="1" x14ac:dyDescent="0.15">
      <c r="A1081" s="3">
        <v>1080</v>
      </c>
      <c r="B1081" s="30" t="s">
        <v>613</v>
      </c>
      <c r="C1081" s="27" t="s">
        <v>1984</v>
      </c>
      <c r="D1081" s="31">
        <v>5520</v>
      </c>
      <c r="E1081" s="32" t="s">
        <v>1154</v>
      </c>
      <c r="F1081" s="32" t="s">
        <v>2264</v>
      </c>
      <c r="G1081" s="27">
        <v>6</v>
      </c>
    </row>
    <row r="1082" spans="1:46" s="3" customFormat="1" ht="13.5" customHeight="1" x14ac:dyDescent="0.15">
      <c r="A1082" s="3">
        <v>1081</v>
      </c>
      <c r="B1082" s="30" t="s">
        <v>613</v>
      </c>
      <c r="C1082" s="27" t="s">
        <v>1984</v>
      </c>
      <c r="D1082" s="31">
        <v>5540</v>
      </c>
      <c r="E1082" s="32" t="s">
        <v>313</v>
      </c>
      <c r="F1082" s="32" t="s">
        <v>1642</v>
      </c>
      <c r="G1082" s="27">
        <v>8</v>
      </c>
    </row>
    <row r="1083" spans="1:46" s="3" customFormat="1" ht="13.5" customHeight="1" x14ac:dyDescent="0.15">
      <c r="A1083" s="3">
        <v>1082</v>
      </c>
      <c r="B1083" s="30" t="s">
        <v>613</v>
      </c>
      <c r="C1083" s="27" t="s">
        <v>1984</v>
      </c>
      <c r="D1083" s="31">
        <v>5610</v>
      </c>
      <c r="E1083" s="32" t="s">
        <v>910</v>
      </c>
      <c r="F1083" s="32" t="s">
        <v>1430</v>
      </c>
      <c r="G1083" s="27">
        <v>7</v>
      </c>
    </row>
    <row r="1084" spans="1:46" s="3" customFormat="1" ht="13.5" customHeight="1" x14ac:dyDescent="0.15">
      <c r="A1084" s="3">
        <v>1083</v>
      </c>
      <c r="B1084" s="30" t="s">
        <v>613</v>
      </c>
      <c r="C1084" s="27" t="s">
        <v>1984</v>
      </c>
      <c r="D1084" s="31">
        <v>5970</v>
      </c>
      <c r="E1084" s="32" t="s">
        <v>697</v>
      </c>
      <c r="F1084" s="32" t="s">
        <v>1183</v>
      </c>
      <c r="G1084" s="27">
        <v>6</v>
      </c>
    </row>
    <row r="1085" spans="1:46" s="3" customFormat="1" ht="13.5" customHeight="1" x14ac:dyDescent="0.15">
      <c r="A1085" s="3">
        <v>1084</v>
      </c>
      <c r="B1085" s="30" t="s">
        <v>613</v>
      </c>
      <c r="C1085" s="27" t="s">
        <v>1984</v>
      </c>
      <c r="D1085" s="31">
        <v>6800</v>
      </c>
      <c r="E1085" s="32" t="s">
        <v>2083</v>
      </c>
      <c r="F1085" s="32" t="s">
        <v>2263</v>
      </c>
      <c r="G1085" s="27">
        <v>7</v>
      </c>
      <c r="H1085" s="2"/>
      <c r="I1085" s="2"/>
      <c r="J1085" s="2"/>
      <c r="K1085" s="2"/>
      <c r="L1085" s="2"/>
      <c r="M1085" s="2"/>
      <c r="N1085" s="2"/>
      <c r="O1085" s="2"/>
      <c r="P1085" s="2"/>
      <c r="Q1085" s="2"/>
      <c r="R1085" s="2"/>
      <c r="S1085" s="2"/>
      <c r="T1085" s="2"/>
      <c r="U1085" s="2"/>
      <c r="V1085" s="2"/>
      <c r="W1085" s="2"/>
      <c r="X1085" s="2"/>
      <c r="Y1085" s="2"/>
      <c r="Z1085" s="2"/>
      <c r="AA1085" s="2"/>
      <c r="AB1085" s="2"/>
      <c r="AC1085" s="2"/>
      <c r="AD1085" s="2"/>
      <c r="AE1085" s="2"/>
      <c r="AF1085" s="2"/>
      <c r="AG1085" s="2"/>
      <c r="AH1085" s="2"/>
      <c r="AI1085" s="2"/>
      <c r="AJ1085" s="2"/>
      <c r="AK1085" s="2"/>
      <c r="AL1085" s="2"/>
      <c r="AM1085" s="2"/>
      <c r="AN1085" s="2"/>
      <c r="AO1085" s="2"/>
      <c r="AP1085" s="2"/>
      <c r="AQ1085" s="2"/>
      <c r="AR1085" s="2"/>
      <c r="AS1085" s="2"/>
      <c r="AT1085" s="2"/>
    </row>
    <row r="1086" spans="1:46" s="3" customFormat="1" ht="13.5" customHeight="1" x14ac:dyDescent="0.15">
      <c r="A1086" s="3">
        <v>1085</v>
      </c>
      <c r="B1086" s="30" t="s">
        <v>613</v>
      </c>
      <c r="C1086" s="27" t="s">
        <v>1984</v>
      </c>
      <c r="D1086" s="31">
        <v>6930</v>
      </c>
      <c r="E1086" s="32" t="s">
        <v>2424</v>
      </c>
      <c r="F1086" s="32" t="s">
        <v>735</v>
      </c>
      <c r="G1086" s="27">
        <v>5</v>
      </c>
    </row>
    <row r="1087" spans="1:46" s="3" customFormat="1" ht="13.5" customHeight="1" x14ac:dyDescent="0.15">
      <c r="A1087" s="3">
        <v>1086</v>
      </c>
      <c r="B1087" s="30" t="s">
        <v>613</v>
      </c>
      <c r="C1087" s="27" t="s">
        <v>1984</v>
      </c>
      <c r="D1087" s="31">
        <v>7330</v>
      </c>
      <c r="E1087" s="32" t="s">
        <v>1995</v>
      </c>
      <c r="F1087" s="32" t="s">
        <v>1101</v>
      </c>
      <c r="G1087" s="27">
        <v>12</v>
      </c>
    </row>
    <row r="1088" spans="1:46" s="3" customFormat="1" ht="13.5" customHeight="1" x14ac:dyDescent="0.15">
      <c r="A1088" s="3">
        <v>1087</v>
      </c>
      <c r="B1088" s="30" t="s">
        <v>613</v>
      </c>
      <c r="C1088" s="27" t="s">
        <v>1984</v>
      </c>
      <c r="D1088" s="31">
        <v>8470</v>
      </c>
      <c r="E1088" s="32" t="s">
        <v>575</v>
      </c>
      <c r="F1088" s="32" t="s">
        <v>298</v>
      </c>
      <c r="G1088" s="27">
        <v>12</v>
      </c>
    </row>
    <row r="1089" spans="1:46" s="3" customFormat="1" ht="13.5" customHeight="1" x14ac:dyDescent="0.15">
      <c r="A1089" s="3">
        <v>1088</v>
      </c>
      <c r="B1089" s="30" t="s">
        <v>613</v>
      </c>
      <c r="C1089" s="27" t="s">
        <v>82</v>
      </c>
      <c r="D1089" s="31">
        <v>9030</v>
      </c>
      <c r="E1089" s="32" t="s">
        <v>1652</v>
      </c>
      <c r="F1089" s="32" t="s">
        <v>102</v>
      </c>
      <c r="G1089" s="27">
        <v>6</v>
      </c>
    </row>
    <row r="1090" spans="1:46" s="3" customFormat="1" ht="13.5" customHeight="1" x14ac:dyDescent="0.15">
      <c r="A1090" s="3">
        <v>1089</v>
      </c>
      <c r="B1090" s="30" t="s">
        <v>613</v>
      </c>
      <c r="C1090" s="27" t="s">
        <v>1984</v>
      </c>
      <c r="D1090" s="31">
        <v>9340</v>
      </c>
      <c r="E1090" s="32" t="s">
        <v>745</v>
      </c>
      <c r="F1090" s="32" t="s">
        <v>1432</v>
      </c>
      <c r="G1090" s="27">
        <v>12</v>
      </c>
    </row>
    <row r="1091" spans="1:46" s="3" customFormat="1" ht="13.5" customHeight="1" x14ac:dyDescent="0.15">
      <c r="A1091" s="3">
        <v>1090</v>
      </c>
      <c r="B1091" s="30" t="s">
        <v>613</v>
      </c>
      <c r="C1091" s="27" t="s">
        <v>1984</v>
      </c>
      <c r="D1091" s="31">
        <v>10160</v>
      </c>
      <c r="E1091" s="32" t="s">
        <v>1151</v>
      </c>
      <c r="F1091" s="32" t="s">
        <v>2593</v>
      </c>
      <c r="G1091" s="27">
        <v>12</v>
      </c>
    </row>
    <row r="1092" spans="1:46" s="3" customFormat="1" ht="13.5" customHeight="1" x14ac:dyDescent="0.15">
      <c r="A1092" s="3">
        <v>1091</v>
      </c>
      <c r="B1092" s="30" t="s">
        <v>613</v>
      </c>
      <c r="C1092" s="27" t="s">
        <v>1984</v>
      </c>
      <c r="D1092" s="31">
        <v>10500</v>
      </c>
      <c r="E1092" s="32" t="s">
        <v>789</v>
      </c>
      <c r="F1092" s="32" t="s">
        <v>994</v>
      </c>
      <c r="G1092" s="27">
        <v>12</v>
      </c>
    </row>
    <row r="1093" spans="1:46" s="3" customFormat="1" ht="13.5" customHeight="1" x14ac:dyDescent="0.15">
      <c r="A1093" s="3">
        <v>1092</v>
      </c>
      <c r="B1093" s="30" t="s">
        <v>613</v>
      </c>
      <c r="C1093" s="27" t="s">
        <v>1984</v>
      </c>
      <c r="D1093" s="31">
        <v>11100</v>
      </c>
      <c r="E1093" s="32" t="s">
        <v>1488</v>
      </c>
      <c r="F1093" s="32" t="s">
        <v>300</v>
      </c>
      <c r="G1093" s="27">
        <v>10</v>
      </c>
    </row>
    <row r="1094" spans="1:46" s="3" customFormat="1" ht="13.5" customHeight="1" x14ac:dyDescent="0.15">
      <c r="A1094" s="3">
        <v>1093</v>
      </c>
      <c r="B1094" s="30" t="s">
        <v>613</v>
      </c>
      <c r="C1094" s="27" t="s">
        <v>1984</v>
      </c>
      <c r="D1094" s="31">
        <v>11410</v>
      </c>
      <c r="E1094" s="32" t="s">
        <v>2127</v>
      </c>
      <c r="F1094" s="32" t="s">
        <v>1240</v>
      </c>
      <c r="G1094" s="27">
        <v>8</v>
      </c>
    </row>
    <row r="1095" spans="1:46" s="3" customFormat="1" ht="13.5" customHeight="1" x14ac:dyDescent="0.15">
      <c r="A1095" s="3">
        <v>1094</v>
      </c>
      <c r="B1095" s="30" t="s">
        <v>613</v>
      </c>
      <c r="C1095" s="27" t="s">
        <v>1984</v>
      </c>
      <c r="D1095" s="31">
        <v>12510</v>
      </c>
      <c r="E1095" s="32" t="s">
        <v>1327</v>
      </c>
      <c r="F1095" s="32" t="s">
        <v>1280</v>
      </c>
      <c r="G1095" s="27">
        <v>12</v>
      </c>
    </row>
    <row r="1096" spans="1:46" s="3" customFormat="1" ht="13.5" customHeight="1" x14ac:dyDescent="0.15">
      <c r="A1096" s="3">
        <v>1095</v>
      </c>
      <c r="B1096" s="30" t="s">
        <v>613</v>
      </c>
      <c r="C1096" s="27" t="s">
        <v>1984</v>
      </c>
      <c r="D1096" s="31">
        <v>14740</v>
      </c>
      <c r="E1096" s="32" t="s">
        <v>1</v>
      </c>
      <c r="F1096" s="32" t="s">
        <v>1928</v>
      </c>
      <c r="G1096" s="27">
        <v>12</v>
      </c>
    </row>
    <row r="1097" spans="1:46" s="3" customFormat="1" ht="13.5" customHeight="1" x14ac:dyDescent="0.15">
      <c r="A1097" s="3">
        <v>1096</v>
      </c>
      <c r="B1097" s="30" t="s">
        <v>613</v>
      </c>
      <c r="C1097" s="27" t="s">
        <v>1984</v>
      </c>
      <c r="D1097" s="31">
        <v>15070</v>
      </c>
      <c r="E1097" s="32" t="s">
        <v>11</v>
      </c>
      <c r="F1097" s="32" t="s">
        <v>299</v>
      </c>
      <c r="G1097" s="27">
        <v>5</v>
      </c>
      <c r="H1097" s="2"/>
      <c r="I1097" s="2"/>
      <c r="J1097" s="2"/>
      <c r="K1097" s="2"/>
      <c r="L1097" s="2"/>
      <c r="M1097" s="2"/>
      <c r="N1097" s="2"/>
      <c r="O1097" s="2"/>
      <c r="P1097" s="2"/>
      <c r="Q1097" s="2"/>
      <c r="R1097" s="2"/>
      <c r="S1097" s="2"/>
      <c r="T1097" s="2"/>
      <c r="U1097" s="2"/>
      <c r="V1097" s="2"/>
      <c r="W1097" s="2"/>
      <c r="X1097" s="2"/>
      <c r="Y1097" s="2"/>
      <c r="Z1097" s="2"/>
      <c r="AA1097" s="2"/>
      <c r="AB1097" s="2"/>
      <c r="AC1097" s="2"/>
      <c r="AD1097" s="2"/>
      <c r="AE1097" s="2"/>
      <c r="AF1097" s="2"/>
      <c r="AG1097" s="2"/>
      <c r="AH1097" s="2"/>
      <c r="AI1097" s="2"/>
      <c r="AJ1097" s="2"/>
      <c r="AK1097" s="2"/>
      <c r="AL1097" s="2"/>
      <c r="AM1097" s="2"/>
      <c r="AN1097" s="2"/>
      <c r="AO1097" s="2"/>
      <c r="AP1097" s="2"/>
      <c r="AQ1097" s="2"/>
      <c r="AR1097" s="2"/>
      <c r="AS1097" s="2"/>
      <c r="AT1097" s="2"/>
    </row>
    <row r="1098" spans="1:46" s="3" customFormat="1" ht="13.5" customHeight="1" x14ac:dyDescent="0.15">
      <c r="A1098" s="3">
        <v>1097</v>
      </c>
      <c r="B1098" s="30" t="s">
        <v>613</v>
      </c>
      <c r="C1098" s="27" t="s">
        <v>1984</v>
      </c>
      <c r="D1098" s="31">
        <v>16190</v>
      </c>
      <c r="E1098" s="32" t="s">
        <v>203</v>
      </c>
      <c r="F1098" s="32" t="s">
        <v>1543</v>
      </c>
      <c r="G1098" s="27">
        <v>12</v>
      </c>
    </row>
    <row r="1099" spans="1:46" s="3" customFormat="1" ht="13.5" customHeight="1" x14ac:dyDescent="0.15">
      <c r="A1099" s="3">
        <v>1098</v>
      </c>
      <c r="B1099" s="30" t="s">
        <v>613</v>
      </c>
      <c r="C1099" s="27" t="s">
        <v>1984</v>
      </c>
      <c r="D1099" s="31">
        <v>16210</v>
      </c>
      <c r="E1099" s="32" t="s">
        <v>204</v>
      </c>
      <c r="F1099" s="32" t="s">
        <v>1544</v>
      </c>
      <c r="G1099" s="27">
        <v>12</v>
      </c>
    </row>
    <row r="1100" spans="1:46" s="3" customFormat="1" ht="13.5" customHeight="1" x14ac:dyDescent="0.15">
      <c r="A1100" s="3">
        <v>1099</v>
      </c>
      <c r="B1100" s="30" t="s">
        <v>613</v>
      </c>
      <c r="C1100" s="27" t="s">
        <v>1984</v>
      </c>
      <c r="D1100" s="31">
        <v>16360</v>
      </c>
      <c r="E1100" s="32" t="s">
        <v>691</v>
      </c>
      <c r="F1100" s="32" t="s">
        <v>2298</v>
      </c>
      <c r="G1100" s="27">
        <v>3</v>
      </c>
    </row>
    <row r="1101" spans="1:46" s="3" customFormat="1" ht="13.5" customHeight="1" x14ac:dyDescent="0.15">
      <c r="A1101" s="3">
        <v>1100</v>
      </c>
      <c r="B1101" s="30" t="s">
        <v>613</v>
      </c>
      <c r="C1101" s="27" t="s">
        <v>1984</v>
      </c>
      <c r="D1101" s="31">
        <v>16430</v>
      </c>
      <c r="E1101" s="32" t="s">
        <v>464</v>
      </c>
      <c r="F1101" s="32" t="s">
        <v>1428</v>
      </c>
      <c r="G1101" s="27">
        <v>6</v>
      </c>
    </row>
    <row r="1102" spans="1:46" s="3" customFormat="1" ht="13.5" customHeight="1" x14ac:dyDescent="0.15">
      <c r="A1102" s="3">
        <v>1101</v>
      </c>
      <c r="B1102" s="30" t="s">
        <v>613</v>
      </c>
      <c r="C1102" s="27" t="s">
        <v>1984</v>
      </c>
      <c r="D1102" s="31">
        <v>16510</v>
      </c>
      <c r="E1102" s="32" t="s">
        <v>465</v>
      </c>
      <c r="F1102" s="32" t="s">
        <v>1427</v>
      </c>
      <c r="G1102" s="27">
        <v>12</v>
      </c>
    </row>
    <row r="1103" spans="1:46" s="3" customFormat="1" ht="13.5" customHeight="1" x14ac:dyDescent="0.15">
      <c r="A1103" s="3">
        <v>1102</v>
      </c>
      <c r="B1103" s="30" t="s">
        <v>613</v>
      </c>
      <c r="C1103" s="27" t="s">
        <v>1984</v>
      </c>
      <c r="D1103" s="31">
        <v>17170</v>
      </c>
      <c r="E1103" s="32" t="s">
        <v>1404</v>
      </c>
      <c r="F1103" s="32" t="s">
        <v>1431</v>
      </c>
      <c r="G1103" s="27">
        <v>12</v>
      </c>
    </row>
    <row r="1104" spans="1:46" s="3" customFormat="1" ht="13.5" customHeight="1" x14ac:dyDescent="0.15">
      <c r="A1104" s="3">
        <v>1103</v>
      </c>
      <c r="B1104" s="30" t="s">
        <v>613</v>
      </c>
      <c r="C1104" s="27" t="s">
        <v>1984</v>
      </c>
      <c r="D1104" s="31">
        <v>19950</v>
      </c>
      <c r="E1104" s="32" t="s">
        <v>728</v>
      </c>
      <c r="F1104" s="32" t="s">
        <v>1770</v>
      </c>
      <c r="G1104" s="27">
        <v>12</v>
      </c>
    </row>
    <row r="1105" spans="1:46" s="3" customFormat="1" ht="13.5" customHeight="1" x14ac:dyDescent="0.15">
      <c r="A1105" s="3">
        <v>1104</v>
      </c>
      <c r="B1105" s="30" t="s">
        <v>613</v>
      </c>
      <c r="C1105" s="27" t="s">
        <v>1984</v>
      </c>
      <c r="D1105" s="31">
        <v>20160</v>
      </c>
      <c r="E1105" s="32" t="s">
        <v>975</v>
      </c>
      <c r="F1105" s="32" t="s">
        <v>1241</v>
      </c>
      <c r="G1105" s="27">
        <v>3</v>
      </c>
    </row>
    <row r="1106" spans="1:46" s="3" customFormat="1" ht="13.5" customHeight="1" x14ac:dyDescent="0.15">
      <c r="A1106" s="3">
        <v>1105</v>
      </c>
      <c r="B1106" s="30" t="s">
        <v>613</v>
      </c>
      <c r="C1106" s="27" t="s">
        <v>1984</v>
      </c>
      <c r="D1106" s="31">
        <v>20760</v>
      </c>
      <c r="E1106" s="32" t="s">
        <v>2731</v>
      </c>
      <c r="F1106" s="32" t="s">
        <v>856</v>
      </c>
      <c r="G1106" s="27">
        <v>4</v>
      </c>
    </row>
    <row r="1107" spans="1:46" s="3" customFormat="1" ht="13.5" customHeight="1" x14ac:dyDescent="0.15">
      <c r="A1107" s="3">
        <v>1106</v>
      </c>
      <c r="B1107" s="30" t="s">
        <v>613</v>
      </c>
      <c r="C1107" s="27" t="s">
        <v>1984</v>
      </c>
      <c r="D1107" s="31">
        <v>21170</v>
      </c>
      <c r="E1107" s="32" t="s">
        <v>1676</v>
      </c>
      <c r="F1107" s="32" t="s">
        <v>1930</v>
      </c>
      <c r="G1107" s="27">
        <v>3</v>
      </c>
    </row>
    <row r="1108" spans="1:46" s="3" customFormat="1" ht="13.5" customHeight="1" x14ac:dyDescent="0.15">
      <c r="A1108" s="3">
        <v>1107</v>
      </c>
      <c r="B1108" s="30" t="s">
        <v>613</v>
      </c>
      <c r="C1108" s="27" t="s">
        <v>1984</v>
      </c>
      <c r="D1108" s="31">
        <v>21250</v>
      </c>
      <c r="E1108" s="32" t="s">
        <v>404</v>
      </c>
      <c r="F1108" s="32" t="s">
        <v>2052</v>
      </c>
      <c r="G1108" s="27">
        <v>5</v>
      </c>
    </row>
    <row r="1109" spans="1:46" s="3" customFormat="1" ht="13.5" customHeight="1" x14ac:dyDescent="0.15">
      <c r="A1109" s="3">
        <v>1108</v>
      </c>
      <c r="B1109" s="30" t="s">
        <v>613</v>
      </c>
      <c r="C1109" s="27" t="s">
        <v>1984</v>
      </c>
      <c r="D1109" s="31">
        <v>23490</v>
      </c>
      <c r="E1109" s="32" t="s">
        <v>1226</v>
      </c>
      <c r="F1109" s="32" t="s">
        <v>2051</v>
      </c>
      <c r="G1109" s="27">
        <v>6</v>
      </c>
    </row>
    <row r="1110" spans="1:46" s="3" customFormat="1" ht="13.5" customHeight="1" x14ac:dyDescent="0.15">
      <c r="A1110" s="3">
        <v>1109</v>
      </c>
      <c r="B1110" s="30" t="s">
        <v>613</v>
      </c>
      <c r="C1110" s="27" t="s">
        <v>1984</v>
      </c>
      <c r="D1110" s="31">
        <v>24090</v>
      </c>
      <c r="E1110" s="32" t="s">
        <v>1848</v>
      </c>
      <c r="F1110" s="32" t="s">
        <v>1182</v>
      </c>
      <c r="G1110" s="27">
        <v>5</v>
      </c>
    </row>
    <row r="1111" spans="1:46" s="3" customFormat="1" ht="13.5" customHeight="1" x14ac:dyDescent="0.15">
      <c r="A1111" s="3">
        <v>1110</v>
      </c>
      <c r="B1111" s="30" t="s">
        <v>613</v>
      </c>
      <c r="C1111" s="27" t="s">
        <v>1984</v>
      </c>
      <c r="D1111" s="31">
        <v>26570</v>
      </c>
      <c r="E1111" s="32" t="s">
        <v>943</v>
      </c>
      <c r="F1111" s="32" t="s">
        <v>461</v>
      </c>
      <c r="G1111" s="27">
        <v>5</v>
      </c>
    </row>
    <row r="1112" spans="1:46" s="3" customFormat="1" ht="13.5" customHeight="1" x14ac:dyDescent="0.15">
      <c r="A1112" s="3">
        <v>1111</v>
      </c>
      <c r="B1112" s="30" t="s">
        <v>613</v>
      </c>
      <c r="C1112" s="27" t="s">
        <v>1984</v>
      </c>
      <c r="D1112" s="31">
        <v>27100</v>
      </c>
      <c r="E1112" s="32" t="s">
        <v>571</v>
      </c>
      <c r="F1112" s="32" t="s">
        <v>1429</v>
      </c>
      <c r="G1112" s="27">
        <v>12</v>
      </c>
    </row>
    <row r="1113" spans="1:46" s="3" customFormat="1" ht="13.5" customHeight="1" x14ac:dyDescent="0.15">
      <c r="A1113" s="3">
        <v>1112</v>
      </c>
      <c r="B1113" s="30" t="s">
        <v>613</v>
      </c>
      <c r="C1113" s="27" t="s">
        <v>1984</v>
      </c>
      <c r="D1113" s="31">
        <v>27190</v>
      </c>
      <c r="E1113" s="32" t="s">
        <v>967</v>
      </c>
      <c r="F1113" s="32" t="s">
        <v>1929</v>
      </c>
      <c r="G1113" s="27">
        <v>12</v>
      </c>
    </row>
    <row r="1114" spans="1:46" ht="13.5" customHeight="1" x14ac:dyDescent="0.15">
      <c r="A1114" s="3">
        <v>1113</v>
      </c>
      <c r="B1114" s="30" t="s">
        <v>613</v>
      </c>
      <c r="C1114" s="27" t="s">
        <v>1984</v>
      </c>
      <c r="D1114" s="31">
        <v>29670</v>
      </c>
      <c r="E1114" s="32" t="s">
        <v>1030</v>
      </c>
      <c r="F1114" s="32" t="s">
        <v>445</v>
      </c>
      <c r="G1114" s="27">
        <v>6</v>
      </c>
      <c r="H1114" s="3"/>
      <c r="I1114" s="3"/>
      <c r="J1114" s="3"/>
      <c r="K1114" s="3"/>
      <c r="L1114" s="3"/>
      <c r="M1114" s="3"/>
      <c r="N1114" s="3"/>
      <c r="O1114" s="3"/>
      <c r="P1114" s="3"/>
      <c r="Q1114" s="3"/>
      <c r="R1114" s="3"/>
      <c r="S1114" s="3"/>
      <c r="T1114" s="3"/>
      <c r="U1114" s="3"/>
      <c r="V1114" s="3"/>
      <c r="W1114" s="3"/>
      <c r="X1114" s="3"/>
      <c r="Y1114" s="3"/>
      <c r="Z1114" s="3"/>
      <c r="AA1114" s="3"/>
      <c r="AB1114" s="3"/>
      <c r="AC1114" s="3"/>
      <c r="AD1114" s="3"/>
      <c r="AE1114" s="3"/>
      <c r="AF1114" s="3"/>
      <c r="AG1114" s="3"/>
      <c r="AH1114" s="3"/>
      <c r="AI1114" s="3"/>
      <c r="AJ1114" s="3"/>
      <c r="AK1114" s="3"/>
      <c r="AL1114" s="3"/>
      <c r="AM1114" s="3"/>
      <c r="AN1114" s="3"/>
      <c r="AO1114" s="3"/>
      <c r="AP1114" s="3"/>
      <c r="AQ1114" s="3"/>
      <c r="AR1114" s="3"/>
      <c r="AS1114" s="3"/>
      <c r="AT1114" s="3"/>
    </row>
    <row r="1115" spans="1:46" s="3" customFormat="1" ht="13.5" customHeight="1" x14ac:dyDescent="0.15">
      <c r="A1115" s="3">
        <v>1114</v>
      </c>
      <c r="B1115" s="30" t="s">
        <v>613</v>
      </c>
      <c r="C1115" s="27" t="s">
        <v>1984</v>
      </c>
      <c r="D1115" s="31">
        <v>29680</v>
      </c>
      <c r="E1115" s="32" t="s">
        <v>1031</v>
      </c>
      <c r="F1115" s="32" t="s">
        <v>1643</v>
      </c>
      <c r="G1115" s="27">
        <v>6</v>
      </c>
      <c r="H1115" s="4"/>
      <c r="I1115" s="4"/>
      <c r="J1115" s="4"/>
      <c r="K1115" s="4"/>
      <c r="L1115" s="4"/>
      <c r="M1115" s="4"/>
      <c r="N1115" s="4"/>
      <c r="O1115" s="4"/>
      <c r="P1115" s="4"/>
      <c r="Q1115" s="4"/>
      <c r="R1115" s="4"/>
      <c r="S1115" s="4"/>
      <c r="T1115" s="4"/>
      <c r="U1115" s="4"/>
      <c r="V1115" s="4"/>
      <c r="W1115" s="4"/>
      <c r="X1115" s="4"/>
      <c r="Y1115" s="4"/>
      <c r="Z1115" s="4"/>
      <c r="AA1115" s="4"/>
      <c r="AB1115" s="4"/>
      <c r="AC1115" s="4"/>
      <c r="AD1115" s="4"/>
      <c r="AE1115" s="4"/>
      <c r="AF1115" s="4"/>
      <c r="AG1115" s="4"/>
      <c r="AH1115" s="4"/>
      <c r="AI1115" s="4"/>
      <c r="AJ1115" s="4"/>
      <c r="AK1115" s="4"/>
      <c r="AL1115" s="4"/>
      <c r="AM1115" s="4"/>
      <c r="AN1115" s="4"/>
      <c r="AO1115" s="4"/>
      <c r="AP1115" s="4"/>
      <c r="AQ1115" s="4"/>
      <c r="AR1115" s="4"/>
      <c r="AS1115" s="4"/>
      <c r="AT1115" s="4"/>
    </row>
    <row r="1116" spans="1:46" s="3" customFormat="1" ht="13.5" customHeight="1" x14ac:dyDescent="0.15">
      <c r="A1116" s="3">
        <v>1115</v>
      </c>
      <c r="B1116" s="30" t="s">
        <v>613</v>
      </c>
      <c r="C1116" s="27" t="s">
        <v>1984</v>
      </c>
      <c r="D1116" s="31">
        <v>29710</v>
      </c>
      <c r="E1116" s="32" t="s">
        <v>769</v>
      </c>
      <c r="F1116" s="32" t="s">
        <v>1239</v>
      </c>
      <c r="G1116" s="27">
        <v>6</v>
      </c>
    </row>
    <row r="1117" spans="1:46" s="3" customFormat="1" ht="13.5" customHeight="1" x14ac:dyDescent="0.15">
      <c r="A1117" s="3">
        <v>1116</v>
      </c>
      <c r="B1117" s="30" t="s">
        <v>613</v>
      </c>
      <c r="C1117" s="27" t="s">
        <v>1984</v>
      </c>
      <c r="D1117" s="31">
        <v>29720</v>
      </c>
      <c r="E1117" s="32" t="s">
        <v>770</v>
      </c>
      <c r="F1117" s="32" t="s">
        <v>2268</v>
      </c>
      <c r="G1117" s="27">
        <v>4</v>
      </c>
    </row>
    <row r="1118" spans="1:46" s="3" customFormat="1" ht="13.5" customHeight="1" x14ac:dyDescent="0.15">
      <c r="A1118" s="3">
        <v>1117</v>
      </c>
      <c r="B1118" s="30" t="s">
        <v>613</v>
      </c>
      <c r="C1118" s="27" t="s">
        <v>1984</v>
      </c>
      <c r="D1118" s="31">
        <v>29730</v>
      </c>
      <c r="E1118" s="32" t="s">
        <v>184</v>
      </c>
      <c r="F1118" s="32" t="s">
        <v>1645</v>
      </c>
      <c r="G1118" s="27">
        <v>6</v>
      </c>
    </row>
    <row r="1119" spans="1:46" s="3" customFormat="1" ht="13.5" customHeight="1" x14ac:dyDescent="0.15">
      <c r="A1119" s="3">
        <v>1118</v>
      </c>
      <c r="B1119" s="30" t="s">
        <v>613</v>
      </c>
      <c r="C1119" s="27" t="s">
        <v>1984</v>
      </c>
      <c r="D1119" s="31">
        <v>35240</v>
      </c>
      <c r="E1119" s="32" t="s">
        <v>704</v>
      </c>
      <c r="F1119" s="32" t="s">
        <v>1242</v>
      </c>
      <c r="G1119" s="27">
        <v>6</v>
      </c>
    </row>
    <row r="1120" spans="1:46" s="3" customFormat="1" ht="13.5" customHeight="1" x14ac:dyDescent="0.15">
      <c r="A1120" s="3">
        <v>1119</v>
      </c>
      <c r="B1120" s="30" t="s">
        <v>613</v>
      </c>
      <c r="C1120" s="27" t="s">
        <v>1984</v>
      </c>
      <c r="D1120" s="31">
        <v>35250</v>
      </c>
      <c r="E1120" s="32" t="s">
        <v>1110</v>
      </c>
      <c r="F1120" s="32" t="s">
        <v>1644</v>
      </c>
      <c r="G1120" s="27">
        <v>6</v>
      </c>
    </row>
    <row r="1121" spans="1:7" s="3" customFormat="1" ht="13.5" customHeight="1" x14ac:dyDescent="0.15">
      <c r="A1121" s="3">
        <v>1120</v>
      </c>
      <c r="B1121" s="30" t="s">
        <v>613</v>
      </c>
      <c r="C1121" s="27" t="s">
        <v>1984</v>
      </c>
      <c r="D1121" s="31">
        <v>35260</v>
      </c>
      <c r="E1121" s="32" t="s">
        <v>1852</v>
      </c>
      <c r="F1121" s="32" t="s">
        <v>1542</v>
      </c>
      <c r="G1121" s="27">
        <v>3</v>
      </c>
    </row>
    <row r="1122" spans="1:7" s="3" customFormat="1" ht="13.5" customHeight="1" x14ac:dyDescent="0.15">
      <c r="A1122" s="3">
        <v>1121</v>
      </c>
      <c r="B1122" s="30" t="s">
        <v>613</v>
      </c>
      <c r="C1122" s="27" t="s">
        <v>1984</v>
      </c>
      <c r="D1122" s="31">
        <v>35270</v>
      </c>
      <c r="E1122" s="32" t="s">
        <v>1853</v>
      </c>
      <c r="F1122" s="32" t="s">
        <v>444</v>
      </c>
      <c r="G1122" s="27">
        <v>3</v>
      </c>
    </row>
    <row r="1123" spans="1:7" s="3" customFormat="1" ht="13.5" customHeight="1" x14ac:dyDescent="0.15">
      <c r="A1123" s="3">
        <v>1122</v>
      </c>
      <c r="B1123" s="30" t="s">
        <v>613</v>
      </c>
      <c r="C1123" s="27" t="s">
        <v>1984</v>
      </c>
      <c r="D1123" s="31">
        <v>35280</v>
      </c>
      <c r="E1123" s="32" t="s">
        <v>1854</v>
      </c>
      <c r="F1123" s="32" t="s">
        <v>443</v>
      </c>
      <c r="G1123" s="27">
        <v>3</v>
      </c>
    </row>
    <row r="1124" spans="1:7" s="3" customFormat="1" ht="13.5" customHeight="1" x14ac:dyDescent="0.15">
      <c r="A1124" s="3">
        <v>1123</v>
      </c>
      <c r="B1124" s="30" t="s">
        <v>613</v>
      </c>
      <c r="C1124" s="27" t="s">
        <v>1984</v>
      </c>
      <c r="D1124" s="31">
        <v>36670</v>
      </c>
      <c r="E1124" s="32" t="s">
        <v>1618</v>
      </c>
      <c r="F1124" s="32" t="s">
        <v>1191</v>
      </c>
      <c r="G1124" s="27">
        <v>12</v>
      </c>
    </row>
    <row r="1125" spans="1:7" s="3" customFormat="1" ht="13.5" customHeight="1" x14ac:dyDescent="0.15">
      <c r="A1125" s="3">
        <v>1124</v>
      </c>
      <c r="B1125" s="30" t="s">
        <v>613</v>
      </c>
      <c r="C1125" s="27" t="s">
        <v>1984</v>
      </c>
      <c r="D1125" s="31">
        <v>38740</v>
      </c>
      <c r="E1125" s="32" t="s">
        <v>3017</v>
      </c>
      <c r="F1125" s="32" t="s">
        <v>2267</v>
      </c>
      <c r="G1125" s="27">
        <v>11</v>
      </c>
    </row>
    <row r="1126" spans="1:7" s="3" customFormat="1" ht="13.5" customHeight="1" x14ac:dyDescent="0.15">
      <c r="A1126" s="3">
        <v>1125</v>
      </c>
      <c r="B1126" s="30" t="s">
        <v>613</v>
      </c>
      <c r="C1126" s="27" t="s">
        <v>1984</v>
      </c>
      <c r="D1126" s="31">
        <v>39300</v>
      </c>
      <c r="E1126" s="32" t="s">
        <v>3120</v>
      </c>
      <c r="F1126" s="32" t="s">
        <v>855</v>
      </c>
      <c r="G1126" s="27">
        <v>9</v>
      </c>
    </row>
    <row r="1127" spans="1:7" s="3" customFormat="1" ht="13.5" customHeight="1" x14ac:dyDescent="0.15">
      <c r="A1127" s="3">
        <v>1126</v>
      </c>
      <c r="B1127" s="30" t="s">
        <v>613</v>
      </c>
      <c r="C1127" s="44" t="s">
        <v>684</v>
      </c>
      <c r="D1127" s="28">
        <v>41070</v>
      </c>
      <c r="E1127" s="29" t="s">
        <v>1213</v>
      </c>
      <c r="F1127" s="32" t="s">
        <v>1617</v>
      </c>
      <c r="G1127" s="27">
        <v>6</v>
      </c>
    </row>
    <row r="1128" spans="1:7" s="3" customFormat="1" ht="13.5" customHeight="1" x14ac:dyDescent="0.15">
      <c r="A1128" s="3">
        <v>1127</v>
      </c>
      <c r="B1128" s="30" t="s">
        <v>613</v>
      </c>
      <c r="C1128" s="44" t="s">
        <v>684</v>
      </c>
      <c r="D1128" s="28">
        <v>41110</v>
      </c>
      <c r="E1128" s="29" t="s">
        <v>485</v>
      </c>
      <c r="F1128" s="32" t="s">
        <v>301</v>
      </c>
      <c r="G1128" s="27">
        <v>4</v>
      </c>
    </row>
    <row r="1129" spans="1:7" s="3" customFormat="1" ht="13.5" customHeight="1" x14ac:dyDescent="0.15">
      <c r="A1129" s="3">
        <v>1128</v>
      </c>
      <c r="B1129" s="30" t="s">
        <v>613</v>
      </c>
      <c r="C1129" s="44" t="s">
        <v>684</v>
      </c>
      <c r="D1129" s="28">
        <v>41130</v>
      </c>
      <c r="E1129" s="29" t="s">
        <v>1944</v>
      </c>
      <c r="F1129" s="32" t="s">
        <v>1616</v>
      </c>
      <c r="G1129" s="27">
        <v>12</v>
      </c>
    </row>
    <row r="1130" spans="1:7" s="3" customFormat="1" ht="13.5" customHeight="1" x14ac:dyDescent="0.15">
      <c r="A1130" s="3">
        <v>1129</v>
      </c>
      <c r="B1130" s="30" t="s">
        <v>613</v>
      </c>
      <c r="C1130" s="44" t="s">
        <v>684</v>
      </c>
      <c r="D1130" s="28">
        <v>41150</v>
      </c>
      <c r="E1130" s="29" t="s">
        <v>1710</v>
      </c>
      <c r="F1130" s="32" t="s">
        <v>302</v>
      </c>
      <c r="G1130" s="27">
        <v>9</v>
      </c>
    </row>
    <row r="1131" spans="1:7" s="3" customFormat="1" ht="13.5" customHeight="1" x14ac:dyDescent="0.15">
      <c r="A1131" s="3">
        <v>1130</v>
      </c>
      <c r="B1131" s="30" t="s">
        <v>613</v>
      </c>
      <c r="C1131" s="35" t="s">
        <v>249</v>
      </c>
      <c r="D1131" s="28">
        <v>41450</v>
      </c>
      <c r="E1131" s="36" t="s">
        <v>1137</v>
      </c>
      <c r="F1131" s="29" t="s">
        <v>2266</v>
      </c>
      <c r="G1131" s="27">
        <v>12</v>
      </c>
    </row>
    <row r="1132" spans="1:7" s="3" customFormat="1" ht="13.5" customHeight="1" x14ac:dyDescent="0.15">
      <c r="A1132" s="3">
        <v>1131</v>
      </c>
      <c r="B1132" s="30" t="s">
        <v>613</v>
      </c>
      <c r="C1132" s="27" t="s">
        <v>684</v>
      </c>
      <c r="D1132" s="28">
        <v>42060</v>
      </c>
      <c r="E1132" s="38" t="s">
        <v>862</v>
      </c>
      <c r="F1132" s="32" t="s">
        <v>37</v>
      </c>
      <c r="G1132" s="27">
        <v>6</v>
      </c>
    </row>
    <row r="1133" spans="1:7" s="3" customFormat="1" ht="13.5" customHeight="1" x14ac:dyDescent="0.15">
      <c r="A1133" s="3">
        <v>1132</v>
      </c>
      <c r="B1133" s="30" t="s">
        <v>613</v>
      </c>
      <c r="C1133" s="27" t="s">
        <v>684</v>
      </c>
      <c r="D1133" s="28">
        <v>42310</v>
      </c>
      <c r="E1133" s="36" t="s">
        <v>31</v>
      </c>
      <c r="F1133" s="32" t="s">
        <v>2265</v>
      </c>
      <c r="G1133" s="27">
        <v>7</v>
      </c>
    </row>
    <row r="1134" spans="1:7" s="3" customFormat="1" ht="13.5" customHeight="1" x14ac:dyDescent="0.15">
      <c r="A1134" s="3">
        <v>1133</v>
      </c>
      <c r="B1134" s="30" t="s">
        <v>613</v>
      </c>
      <c r="C1134" s="27" t="s">
        <v>684</v>
      </c>
      <c r="D1134" s="28">
        <v>42320</v>
      </c>
      <c r="E1134" s="36" t="s">
        <v>33</v>
      </c>
      <c r="F1134" s="32" t="s">
        <v>32</v>
      </c>
      <c r="G1134" s="27">
        <v>12</v>
      </c>
    </row>
    <row r="1135" spans="1:7" s="3" customFormat="1" ht="13.5" customHeight="1" x14ac:dyDescent="0.15">
      <c r="A1135" s="3">
        <v>1134</v>
      </c>
      <c r="B1135" s="30" t="s">
        <v>613</v>
      </c>
      <c r="C1135" s="27" t="s">
        <v>2063</v>
      </c>
      <c r="D1135" s="28">
        <v>42590</v>
      </c>
      <c r="E1135" s="46" t="s">
        <v>195</v>
      </c>
      <c r="F1135" s="48" t="s">
        <v>2262</v>
      </c>
      <c r="G1135" s="27">
        <v>6</v>
      </c>
    </row>
    <row r="1136" spans="1:7" s="3" customFormat="1" ht="13.5" customHeight="1" x14ac:dyDescent="0.15">
      <c r="A1136" s="3">
        <v>1135</v>
      </c>
      <c r="B1136" s="30" t="s">
        <v>613</v>
      </c>
      <c r="C1136" s="27" t="s">
        <v>2148</v>
      </c>
      <c r="D1136" s="34">
        <v>42780</v>
      </c>
      <c r="E1136" s="32" t="s">
        <v>3091</v>
      </c>
      <c r="F1136" s="32" t="s">
        <v>2149</v>
      </c>
      <c r="G1136" s="27">
        <v>2</v>
      </c>
    </row>
    <row r="1137" spans="1:46" s="3" customFormat="1" ht="13.5" customHeight="1" x14ac:dyDescent="0.15">
      <c r="A1137" s="3">
        <v>1136</v>
      </c>
      <c r="B1137" s="30" t="s">
        <v>613</v>
      </c>
      <c r="C1137" s="27" t="s">
        <v>684</v>
      </c>
      <c r="D1137" s="34">
        <v>42810</v>
      </c>
      <c r="E1137" s="32" t="s">
        <v>3092</v>
      </c>
      <c r="F1137" s="32" t="s">
        <v>2153</v>
      </c>
      <c r="G1137" s="27">
        <v>12</v>
      </c>
    </row>
    <row r="1138" spans="1:46" s="3" customFormat="1" ht="13.5" customHeight="1" x14ac:dyDescent="0.15">
      <c r="A1138" s="3">
        <v>1137</v>
      </c>
      <c r="B1138" s="30" t="s">
        <v>613</v>
      </c>
      <c r="C1138" s="27" t="s">
        <v>684</v>
      </c>
      <c r="D1138" s="34">
        <v>42820</v>
      </c>
      <c r="E1138" s="32" t="s">
        <v>2154</v>
      </c>
      <c r="F1138" s="32" t="s">
        <v>2155</v>
      </c>
      <c r="G1138" s="27">
        <v>7</v>
      </c>
    </row>
    <row r="1139" spans="1:46" s="3" customFormat="1" ht="13.5" customHeight="1" x14ac:dyDescent="0.15">
      <c r="A1139" s="3">
        <v>1138</v>
      </c>
      <c r="B1139" s="30" t="s">
        <v>613</v>
      </c>
      <c r="C1139" s="27" t="s">
        <v>2148</v>
      </c>
      <c r="D1139" s="31">
        <v>143550</v>
      </c>
      <c r="E1139" s="32" t="s">
        <v>2544</v>
      </c>
      <c r="F1139" s="32" t="s">
        <v>2545</v>
      </c>
      <c r="G1139" s="27">
        <v>6</v>
      </c>
    </row>
    <row r="1140" spans="1:46" s="3" customFormat="1" ht="13.5" customHeight="1" x14ac:dyDescent="0.15">
      <c r="A1140" s="3">
        <v>1139</v>
      </c>
      <c r="B1140" s="30" t="s">
        <v>613</v>
      </c>
      <c r="C1140" s="27" t="s">
        <v>2148</v>
      </c>
      <c r="D1140" s="31">
        <v>143690</v>
      </c>
      <c r="E1140" s="32" t="s">
        <v>2441</v>
      </c>
      <c r="F1140" s="32" t="s">
        <v>2442</v>
      </c>
      <c r="G1140" s="27">
        <v>11</v>
      </c>
    </row>
    <row r="1141" spans="1:46" s="3" customFormat="1" ht="13.5" customHeight="1" x14ac:dyDescent="0.15">
      <c r="A1141" s="3">
        <v>1140</v>
      </c>
      <c r="B1141" s="30" t="s">
        <v>613</v>
      </c>
      <c r="C1141" s="27" t="s">
        <v>2148</v>
      </c>
      <c r="D1141" s="31">
        <v>143920</v>
      </c>
      <c r="E1141" s="32" t="s">
        <v>2491</v>
      </c>
      <c r="F1141" s="32" t="s">
        <v>2492</v>
      </c>
      <c r="G1141" s="27">
        <v>5</v>
      </c>
    </row>
    <row r="1142" spans="1:46" s="3" customFormat="1" ht="13.5" customHeight="1" x14ac:dyDescent="0.15">
      <c r="A1142" s="3">
        <v>1141</v>
      </c>
      <c r="B1142" s="30" t="s">
        <v>613</v>
      </c>
      <c r="C1142" s="27" t="s">
        <v>684</v>
      </c>
      <c r="D1142" s="28">
        <v>144080</v>
      </c>
      <c r="E1142" s="32" t="s">
        <v>2592</v>
      </c>
      <c r="F1142" s="29" t="s">
        <v>3429</v>
      </c>
      <c r="G1142" s="27">
        <v>6</v>
      </c>
    </row>
    <row r="1143" spans="1:46" s="3" customFormat="1" ht="13.5" customHeight="1" x14ac:dyDescent="0.15">
      <c r="A1143" s="3">
        <v>1142</v>
      </c>
      <c r="B1143" s="26" t="s">
        <v>549</v>
      </c>
      <c r="C1143" s="27" t="s">
        <v>684</v>
      </c>
      <c r="D1143" s="28">
        <v>144440</v>
      </c>
      <c r="E1143" s="29" t="s">
        <v>2878</v>
      </c>
      <c r="F1143" s="29" t="s">
        <v>2604</v>
      </c>
      <c r="G1143" s="39">
        <v>8</v>
      </c>
    </row>
    <row r="1144" spans="1:46" s="3" customFormat="1" ht="13.5" customHeight="1" x14ac:dyDescent="0.15">
      <c r="A1144" s="3">
        <v>1143</v>
      </c>
      <c r="B1144" s="26" t="s">
        <v>549</v>
      </c>
      <c r="C1144" s="27" t="s">
        <v>684</v>
      </c>
      <c r="D1144" s="28">
        <v>144470</v>
      </c>
      <c r="E1144" s="29" t="s">
        <v>3109</v>
      </c>
      <c r="F1144" s="29" t="s">
        <v>2606</v>
      </c>
      <c r="G1144" s="39">
        <v>8</v>
      </c>
    </row>
    <row r="1145" spans="1:46" s="3" customFormat="1" ht="13.5" customHeight="1" x14ac:dyDescent="0.15">
      <c r="A1145" s="3">
        <v>1144</v>
      </c>
      <c r="B1145" s="26" t="s">
        <v>549</v>
      </c>
      <c r="C1145" s="27" t="s">
        <v>2063</v>
      </c>
      <c r="D1145" s="28">
        <v>144610</v>
      </c>
      <c r="E1145" s="45" t="s">
        <v>2717</v>
      </c>
      <c r="F1145" s="45" t="s">
        <v>2725</v>
      </c>
      <c r="G1145" s="39">
        <v>8</v>
      </c>
    </row>
    <row r="1146" spans="1:46" s="3" customFormat="1" ht="13.5" customHeight="1" x14ac:dyDescent="0.15">
      <c r="A1146" s="3">
        <v>1145</v>
      </c>
      <c r="B1146" s="26" t="s">
        <v>549</v>
      </c>
      <c r="C1146" s="27" t="s">
        <v>684</v>
      </c>
      <c r="D1146" s="28">
        <v>144620</v>
      </c>
      <c r="E1146" s="45" t="s">
        <v>2718</v>
      </c>
      <c r="F1146" s="45" t="s">
        <v>2726</v>
      </c>
      <c r="G1146" s="39">
        <v>8</v>
      </c>
    </row>
    <row r="1147" spans="1:46" s="3" customFormat="1" ht="13.5" customHeight="1" x14ac:dyDescent="0.15">
      <c r="A1147" s="3">
        <v>1146</v>
      </c>
      <c r="B1147" s="30" t="s">
        <v>613</v>
      </c>
      <c r="C1147" s="27" t="s">
        <v>684</v>
      </c>
      <c r="D1147" s="28">
        <v>144660</v>
      </c>
      <c r="E1147" s="29" t="s">
        <v>2642</v>
      </c>
      <c r="F1147" s="29" t="s">
        <v>2665</v>
      </c>
      <c r="G1147" s="27">
        <v>8</v>
      </c>
    </row>
    <row r="1148" spans="1:46" s="3" customFormat="1" ht="13.5" customHeight="1" x14ac:dyDescent="0.15">
      <c r="A1148" s="3">
        <v>1147</v>
      </c>
      <c r="B1148" s="30" t="s">
        <v>613</v>
      </c>
      <c r="C1148" s="27" t="s">
        <v>684</v>
      </c>
      <c r="D1148" s="28">
        <v>144940</v>
      </c>
      <c r="E1148" s="29" t="s">
        <v>2701</v>
      </c>
      <c r="F1148" s="29" t="s">
        <v>2692</v>
      </c>
      <c r="G1148" s="27">
        <v>2</v>
      </c>
    </row>
    <row r="1149" spans="1:46" s="3" customFormat="1" ht="13.5" customHeight="1" x14ac:dyDescent="0.15">
      <c r="A1149" s="3">
        <v>1148</v>
      </c>
      <c r="B1149" s="30" t="s">
        <v>613</v>
      </c>
      <c r="C1149" s="27" t="s">
        <v>684</v>
      </c>
      <c r="D1149" s="28">
        <v>145180</v>
      </c>
      <c r="E1149" s="29" t="s">
        <v>2776</v>
      </c>
      <c r="F1149" s="40" t="s">
        <v>2746</v>
      </c>
      <c r="G1149" s="27">
        <v>8</v>
      </c>
    </row>
    <row r="1150" spans="1:46" s="3" customFormat="1" ht="13.5" customHeight="1" x14ac:dyDescent="0.15">
      <c r="A1150" s="3">
        <v>1149</v>
      </c>
      <c r="B1150" s="30" t="s">
        <v>613</v>
      </c>
      <c r="C1150" s="27" t="s">
        <v>2063</v>
      </c>
      <c r="D1150" s="31">
        <v>145290</v>
      </c>
      <c r="E1150" s="29" t="s">
        <v>2829</v>
      </c>
      <c r="F1150" s="40" t="s">
        <v>2800</v>
      </c>
      <c r="G1150" s="27">
        <v>7</v>
      </c>
    </row>
    <row r="1151" spans="1:46" s="3" customFormat="1" ht="13.5" customHeight="1" x14ac:dyDescent="0.15">
      <c r="A1151" s="3">
        <v>1150</v>
      </c>
      <c r="B1151" s="30" t="s">
        <v>613</v>
      </c>
      <c r="C1151" s="27" t="s">
        <v>684</v>
      </c>
      <c r="D1151" s="28">
        <v>145910</v>
      </c>
      <c r="E1151" s="40" t="s">
        <v>2974</v>
      </c>
      <c r="F1151" s="40" t="s">
        <v>2945</v>
      </c>
      <c r="G1151" s="27">
        <v>2</v>
      </c>
      <c r="H1151" s="2"/>
      <c r="I1151" s="2"/>
      <c r="J1151" s="2"/>
      <c r="K1151" s="2"/>
      <c r="L1151" s="2"/>
      <c r="M1151" s="2"/>
      <c r="N1151" s="2"/>
      <c r="O1151" s="2"/>
      <c r="P1151" s="2"/>
      <c r="Q1151" s="2"/>
      <c r="R1151" s="2"/>
      <c r="S1151" s="2"/>
      <c r="T1151" s="2"/>
      <c r="U1151" s="2"/>
      <c r="V1151" s="2"/>
      <c r="W1151" s="2"/>
      <c r="X1151" s="2"/>
      <c r="Y1151" s="2"/>
      <c r="Z1151" s="2"/>
      <c r="AA1151" s="2"/>
      <c r="AB1151" s="2"/>
      <c r="AC1151" s="2"/>
      <c r="AD1151" s="2"/>
      <c r="AE1151" s="2"/>
      <c r="AF1151" s="2"/>
      <c r="AG1151" s="2"/>
      <c r="AH1151" s="2"/>
      <c r="AI1151" s="2"/>
      <c r="AJ1151" s="2"/>
      <c r="AK1151" s="2"/>
      <c r="AL1151" s="2"/>
      <c r="AM1151" s="2"/>
      <c r="AN1151" s="2"/>
      <c r="AO1151" s="2"/>
      <c r="AP1151" s="2"/>
      <c r="AQ1151" s="2"/>
      <c r="AR1151" s="2"/>
      <c r="AS1151" s="2"/>
      <c r="AT1151" s="2"/>
    </row>
    <row r="1152" spans="1:46" s="3" customFormat="1" ht="13.5" customHeight="1" x14ac:dyDescent="0.15">
      <c r="A1152" s="3">
        <v>1151</v>
      </c>
      <c r="B1152" s="30" t="s">
        <v>613</v>
      </c>
      <c r="C1152" s="39" t="s">
        <v>684</v>
      </c>
      <c r="D1152" s="33">
        <v>146460</v>
      </c>
      <c r="E1152" s="40" t="s">
        <v>3143</v>
      </c>
      <c r="F1152" s="29" t="s">
        <v>3170</v>
      </c>
      <c r="G1152" s="27">
        <v>6</v>
      </c>
    </row>
    <row r="1153" spans="1:46" s="3" customFormat="1" ht="13.5" customHeight="1" x14ac:dyDescent="0.15">
      <c r="A1153" s="3">
        <v>1152</v>
      </c>
      <c r="B1153" s="30" t="s">
        <v>613</v>
      </c>
      <c r="C1153" s="27" t="s">
        <v>3266</v>
      </c>
      <c r="D1153" s="28">
        <v>146830</v>
      </c>
      <c r="E1153" s="29" t="s">
        <v>3301</v>
      </c>
      <c r="F1153" s="53" t="s">
        <v>3302</v>
      </c>
      <c r="G1153" s="27">
        <v>4</v>
      </c>
      <c r="H1153" s="2"/>
      <c r="I1153" s="2"/>
      <c r="J1153" s="2"/>
      <c r="K1153" s="2"/>
      <c r="L1153" s="2"/>
      <c r="M1153" s="2"/>
      <c r="N1153" s="2"/>
      <c r="O1153" s="2"/>
      <c r="P1153" s="2"/>
      <c r="Q1153" s="2"/>
      <c r="R1153" s="2"/>
      <c r="S1153" s="2"/>
      <c r="T1153" s="2"/>
      <c r="U1153" s="2"/>
      <c r="V1153" s="2"/>
      <c r="W1153" s="2"/>
      <c r="X1153" s="2"/>
      <c r="Y1153" s="2"/>
      <c r="Z1153" s="2"/>
      <c r="AA1153" s="2"/>
      <c r="AB1153" s="2"/>
      <c r="AC1153" s="2"/>
      <c r="AD1153" s="2"/>
      <c r="AE1153" s="2"/>
      <c r="AF1153" s="2"/>
      <c r="AG1153" s="2"/>
      <c r="AH1153" s="2"/>
      <c r="AI1153" s="2"/>
      <c r="AJ1153" s="2"/>
      <c r="AK1153" s="2"/>
      <c r="AL1153" s="2"/>
      <c r="AM1153" s="2"/>
      <c r="AN1153" s="2"/>
      <c r="AO1153" s="2"/>
      <c r="AP1153" s="2"/>
      <c r="AQ1153" s="2"/>
      <c r="AR1153" s="2"/>
      <c r="AS1153" s="2"/>
      <c r="AT1153" s="2"/>
    </row>
    <row r="1154" spans="1:46" s="3" customFormat="1" ht="13.5" customHeight="1" x14ac:dyDescent="0.15">
      <c r="A1154" s="3">
        <v>1153</v>
      </c>
      <c r="B1154" s="30" t="s">
        <v>613</v>
      </c>
      <c r="C1154" s="27" t="s">
        <v>3266</v>
      </c>
      <c r="D1154" s="28">
        <v>146840</v>
      </c>
      <c r="E1154" s="29" t="s">
        <v>3303</v>
      </c>
      <c r="F1154" s="53" t="s">
        <v>3304</v>
      </c>
      <c r="G1154" s="27">
        <v>8</v>
      </c>
      <c r="H1154" s="2"/>
      <c r="I1154" s="2"/>
      <c r="J1154" s="2"/>
      <c r="K1154" s="2"/>
      <c r="L1154" s="2"/>
      <c r="M1154" s="2"/>
      <c r="N1154" s="2"/>
      <c r="O1154" s="2"/>
      <c r="P1154" s="2"/>
      <c r="Q1154" s="2"/>
      <c r="R1154" s="2"/>
      <c r="S1154" s="2"/>
      <c r="T1154" s="2"/>
      <c r="U1154" s="2"/>
      <c r="V1154" s="2"/>
      <c r="W1154" s="2"/>
      <c r="X1154" s="2"/>
      <c r="Y1154" s="2"/>
      <c r="Z1154" s="2"/>
      <c r="AA1154" s="2"/>
      <c r="AB1154" s="2"/>
      <c r="AC1154" s="2"/>
      <c r="AD1154" s="2"/>
      <c r="AE1154" s="2"/>
      <c r="AF1154" s="2"/>
      <c r="AG1154" s="2"/>
      <c r="AH1154" s="2"/>
      <c r="AI1154" s="2"/>
      <c r="AJ1154" s="2"/>
      <c r="AK1154" s="2"/>
      <c r="AL1154" s="2"/>
      <c r="AM1154" s="2"/>
      <c r="AN1154" s="2"/>
      <c r="AO1154" s="2"/>
      <c r="AP1154" s="2"/>
      <c r="AQ1154" s="2"/>
      <c r="AR1154" s="2"/>
      <c r="AS1154" s="2"/>
      <c r="AT1154" s="2"/>
    </row>
    <row r="1155" spans="1:46" s="3" customFormat="1" ht="13.5" customHeight="1" x14ac:dyDescent="0.15">
      <c r="A1155" s="3">
        <v>1154</v>
      </c>
      <c r="B1155" s="30" t="s">
        <v>613</v>
      </c>
      <c r="C1155" s="27" t="s">
        <v>3418</v>
      </c>
      <c r="D1155" s="28">
        <v>147200</v>
      </c>
      <c r="E1155" s="29" t="s">
        <v>3381</v>
      </c>
      <c r="F1155" s="29" t="s">
        <v>3402</v>
      </c>
      <c r="G1155" s="27">
        <v>7</v>
      </c>
      <c r="H1155" s="2"/>
      <c r="I1155" s="2"/>
      <c r="J1155" s="2"/>
      <c r="K1155" s="2"/>
      <c r="L1155" s="2"/>
      <c r="M1155" s="2"/>
      <c r="N1155" s="2"/>
      <c r="O1155" s="2"/>
      <c r="P1155" s="2"/>
      <c r="Q1155" s="2"/>
      <c r="R1155" s="2"/>
      <c r="S1155" s="2"/>
      <c r="T1155" s="2"/>
      <c r="U1155" s="2"/>
      <c r="V1155" s="2"/>
      <c r="W1155" s="2"/>
      <c r="X1155" s="2"/>
      <c r="Y1155" s="2"/>
      <c r="Z1155" s="2"/>
      <c r="AA1155" s="2"/>
      <c r="AB1155" s="2"/>
      <c r="AC1155" s="2"/>
      <c r="AD1155" s="2"/>
      <c r="AE1155" s="2"/>
      <c r="AF1155" s="2"/>
      <c r="AG1155" s="2"/>
      <c r="AH1155" s="2"/>
      <c r="AI1155" s="2"/>
      <c r="AJ1155" s="2"/>
      <c r="AK1155" s="2"/>
      <c r="AL1155" s="2"/>
      <c r="AM1155" s="2"/>
      <c r="AN1155" s="2"/>
      <c r="AO1155" s="2"/>
      <c r="AP1155" s="2"/>
      <c r="AQ1155" s="2"/>
      <c r="AR1155" s="2"/>
      <c r="AS1155" s="2"/>
      <c r="AT1155" s="2"/>
    </row>
    <row r="1156" spans="1:46" s="3" customFormat="1" ht="13.5" customHeight="1" x14ac:dyDescent="0.15">
      <c r="A1156" s="3">
        <v>1155</v>
      </c>
      <c r="B1156" s="30" t="s">
        <v>613</v>
      </c>
      <c r="C1156" s="27" t="s">
        <v>3461</v>
      </c>
      <c r="D1156" s="28">
        <v>147310</v>
      </c>
      <c r="E1156" s="29" t="s">
        <v>3436</v>
      </c>
      <c r="F1156" s="29" t="s">
        <v>3460</v>
      </c>
      <c r="G1156" s="27">
        <v>7</v>
      </c>
      <c r="H1156" s="2"/>
      <c r="I1156" s="2"/>
      <c r="J1156" s="2"/>
      <c r="K1156" s="2"/>
      <c r="L1156" s="2"/>
      <c r="M1156" s="2"/>
      <c r="N1156" s="2"/>
      <c r="O1156" s="2"/>
      <c r="P1156" s="2"/>
      <c r="Q1156" s="2"/>
      <c r="R1156" s="2"/>
      <c r="S1156" s="2"/>
      <c r="T1156" s="2"/>
      <c r="U1156" s="2"/>
      <c r="V1156" s="2"/>
      <c r="W1156" s="2"/>
      <c r="X1156" s="2"/>
      <c r="Y1156" s="2"/>
      <c r="Z1156" s="2"/>
      <c r="AA1156" s="2"/>
      <c r="AB1156" s="2"/>
      <c r="AC1156" s="2"/>
      <c r="AD1156" s="2"/>
      <c r="AE1156" s="2"/>
      <c r="AF1156" s="2"/>
      <c r="AG1156" s="2"/>
      <c r="AH1156" s="2"/>
      <c r="AI1156" s="2"/>
      <c r="AJ1156" s="2"/>
      <c r="AK1156" s="2"/>
      <c r="AL1156" s="2"/>
      <c r="AM1156" s="2"/>
      <c r="AN1156" s="2"/>
      <c r="AO1156" s="2"/>
      <c r="AP1156" s="2"/>
      <c r="AQ1156" s="2"/>
      <c r="AR1156" s="2"/>
      <c r="AS1156" s="2"/>
      <c r="AT1156" s="2"/>
    </row>
    <row r="1157" spans="1:46" s="3" customFormat="1" ht="13.5" customHeight="1" x14ac:dyDescent="0.15">
      <c r="A1157" s="3">
        <v>1156</v>
      </c>
      <c r="B1157" s="30" t="s">
        <v>613</v>
      </c>
      <c r="C1157" s="27" t="s">
        <v>3461</v>
      </c>
      <c r="D1157" s="28">
        <v>147330</v>
      </c>
      <c r="E1157" s="29" t="s">
        <v>3438</v>
      </c>
      <c r="F1157" s="29" t="s">
        <v>3464</v>
      </c>
      <c r="G1157" s="27">
        <v>2</v>
      </c>
      <c r="H1157" s="2"/>
      <c r="I1157" s="2"/>
      <c r="J1157" s="2"/>
      <c r="K1157" s="2"/>
      <c r="L1157" s="2"/>
      <c r="M1157" s="2"/>
      <c r="N1157" s="2"/>
      <c r="O1157" s="2"/>
      <c r="P1157" s="2"/>
      <c r="Q1157" s="2"/>
      <c r="R1157" s="2"/>
      <c r="S1157" s="2"/>
      <c r="T1157" s="2"/>
      <c r="U1157" s="2"/>
      <c r="V1157" s="2"/>
      <c r="W1157" s="2"/>
      <c r="X1157" s="2"/>
      <c r="Y1157" s="2"/>
      <c r="Z1157" s="2"/>
      <c r="AA1157" s="2"/>
      <c r="AB1157" s="2"/>
      <c r="AC1157" s="2"/>
      <c r="AD1157" s="2"/>
      <c r="AE1157" s="2"/>
      <c r="AF1157" s="2"/>
      <c r="AG1157" s="2"/>
      <c r="AH1157" s="2"/>
      <c r="AI1157" s="2"/>
      <c r="AJ1157" s="2"/>
      <c r="AK1157" s="2"/>
      <c r="AL1157" s="2"/>
      <c r="AM1157" s="2"/>
      <c r="AN1157" s="2"/>
      <c r="AO1157" s="2"/>
      <c r="AP1157" s="2"/>
      <c r="AQ1157" s="2"/>
      <c r="AR1157" s="2"/>
      <c r="AS1157" s="2"/>
      <c r="AT1157" s="2"/>
    </row>
    <row r="1158" spans="1:46" s="3" customFormat="1" ht="13.5" customHeight="1" x14ac:dyDescent="0.15">
      <c r="A1158" s="3">
        <v>1157</v>
      </c>
      <c r="B1158" s="30" t="s">
        <v>613</v>
      </c>
      <c r="C1158" s="27" t="s">
        <v>3561</v>
      </c>
      <c r="D1158" s="28">
        <v>147580</v>
      </c>
      <c r="E1158" s="42" t="s">
        <v>3511</v>
      </c>
      <c r="F1158" s="29" t="s">
        <v>3550</v>
      </c>
      <c r="G1158" s="27">
        <v>2</v>
      </c>
      <c r="H1158" s="2"/>
      <c r="I1158" s="2"/>
      <c r="J1158" s="2"/>
      <c r="K1158" s="2"/>
      <c r="L1158" s="2"/>
      <c r="M1158" s="2"/>
      <c r="N1158" s="2"/>
      <c r="O1158" s="2"/>
      <c r="P1158" s="2"/>
      <c r="Q1158" s="2"/>
      <c r="R1158" s="2"/>
      <c r="S1158" s="2"/>
      <c r="T1158" s="2"/>
      <c r="U1158" s="2"/>
      <c r="V1158" s="2"/>
      <c r="W1158" s="2"/>
      <c r="X1158" s="2"/>
      <c r="Y1158" s="2"/>
      <c r="Z1158" s="2"/>
      <c r="AA1158" s="2"/>
      <c r="AB1158" s="2"/>
      <c r="AC1158" s="2"/>
      <c r="AD1158" s="2"/>
      <c r="AE1158" s="2"/>
      <c r="AF1158" s="2"/>
      <c r="AG1158" s="2"/>
      <c r="AH1158" s="2"/>
      <c r="AI1158" s="2"/>
      <c r="AJ1158" s="2"/>
      <c r="AK1158" s="2"/>
      <c r="AL1158" s="2"/>
      <c r="AM1158" s="2"/>
      <c r="AN1158" s="2"/>
      <c r="AO1158" s="2"/>
      <c r="AP1158" s="2"/>
      <c r="AQ1158" s="2"/>
      <c r="AR1158" s="2"/>
      <c r="AS1158" s="2"/>
      <c r="AT1158" s="2"/>
    </row>
    <row r="1159" spans="1:46" s="3" customFormat="1" ht="13.5" customHeight="1" x14ac:dyDescent="0.15">
      <c r="A1159" s="3">
        <v>1158</v>
      </c>
      <c r="B1159" s="26" t="s">
        <v>1051</v>
      </c>
      <c r="C1159" s="27" t="s">
        <v>1991</v>
      </c>
      <c r="D1159" s="28">
        <v>621</v>
      </c>
      <c r="E1159" s="29" t="s">
        <v>2786</v>
      </c>
      <c r="F1159" s="29" t="s">
        <v>3591</v>
      </c>
      <c r="G1159" s="27">
        <v>3</v>
      </c>
      <c r="H1159" s="2"/>
      <c r="I1159" s="2"/>
      <c r="J1159" s="2"/>
      <c r="K1159" s="2"/>
      <c r="L1159" s="2"/>
      <c r="M1159" s="2"/>
      <c r="N1159" s="2"/>
      <c r="O1159" s="2"/>
      <c r="P1159" s="2"/>
      <c r="Q1159" s="2"/>
      <c r="R1159" s="2"/>
      <c r="S1159" s="2"/>
      <c r="T1159" s="2"/>
      <c r="U1159" s="2"/>
      <c r="V1159" s="2"/>
      <c r="W1159" s="2"/>
      <c r="X1159" s="2"/>
      <c r="Y1159" s="2"/>
      <c r="Z1159" s="2"/>
      <c r="AA1159" s="2"/>
      <c r="AB1159" s="2"/>
      <c r="AC1159" s="2"/>
      <c r="AD1159" s="2"/>
      <c r="AE1159" s="2"/>
      <c r="AF1159" s="2"/>
      <c r="AG1159" s="2"/>
      <c r="AH1159" s="2"/>
      <c r="AI1159" s="2"/>
      <c r="AJ1159" s="2"/>
      <c r="AK1159" s="2"/>
      <c r="AL1159" s="2"/>
      <c r="AM1159" s="2"/>
      <c r="AN1159" s="2"/>
      <c r="AO1159" s="2"/>
      <c r="AP1159" s="2"/>
      <c r="AQ1159" s="2"/>
      <c r="AR1159" s="2"/>
      <c r="AS1159" s="2"/>
      <c r="AT1159" s="2"/>
    </row>
    <row r="1160" spans="1:46" s="3" customFormat="1" ht="13.5" customHeight="1" x14ac:dyDescent="0.15">
      <c r="A1160" s="3">
        <v>1159</v>
      </c>
      <c r="B1160" s="26" t="s">
        <v>1051</v>
      </c>
      <c r="C1160" s="27" t="s">
        <v>1991</v>
      </c>
      <c r="D1160" s="28">
        <v>631</v>
      </c>
      <c r="E1160" s="29" t="s">
        <v>1662</v>
      </c>
      <c r="F1160" s="29" t="s">
        <v>912</v>
      </c>
      <c r="G1160" s="27">
        <v>3</v>
      </c>
      <c r="H1160" s="2"/>
      <c r="I1160" s="2"/>
      <c r="J1160" s="2"/>
      <c r="K1160" s="2"/>
      <c r="L1160" s="2"/>
      <c r="M1160" s="2"/>
      <c r="N1160" s="2"/>
      <c r="O1160" s="2"/>
      <c r="P1160" s="2"/>
      <c r="Q1160" s="2"/>
      <c r="R1160" s="2"/>
      <c r="S1160" s="2"/>
      <c r="T1160" s="2"/>
      <c r="U1160" s="2"/>
      <c r="V1160" s="2"/>
      <c r="W1160" s="2"/>
      <c r="X1160" s="2"/>
      <c r="Y1160" s="2"/>
      <c r="Z1160" s="2"/>
      <c r="AA1160" s="2"/>
      <c r="AB1160" s="2"/>
      <c r="AC1160" s="2"/>
      <c r="AD1160" s="2"/>
      <c r="AE1160" s="2"/>
      <c r="AF1160" s="2"/>
      <c r="AG1160" s="2"/>
      <c r="AH1160" s="2"/>
      <c r="AI1160" s="2"/>
      <c r="AJ1160" s="2"/>
      <c r="AK1160" s="2"/>
      <c r="AL1160" s="2"/>
      <c r="AM1160" s="2"/>
      <c r="AN1160" s="2"/>
      <c r="AO1160" s="2"/>
      <c r="AP1160" s="2"/>
      <c r="AQ1160" s="2"/>
      <c r="AR1160" s="2"/>
      <c r="AS1160" s="2"/>
      <c r="AT1160" s="2"/>
    </row>
    <row r="1161" spans="1:46" s="3" customFormat="1" ht="13.5" customHeight="1" x14ac:dyDescent="0.15">
      <c r="A1161" s="3">
        <v>1160</v>
      </c>
      <c r="B1161" s="26" t="s">
        <v>1051</v>
      </c>
      <c r="C1161" s="27" t="s">
        <v>1991</v>
      </c>
      <c r="D1161" s="28">
        <v>641</v>
      </c>
      <c r="E1161" s="29" t="s">
        <v>2346</v>
      </c>
      <c r="F1161" s="29" t="s">
        <v>913</v>
      </c>
      <c r="G1161" s="27">
        <v>3</v>
      </c>
      <c r="H1161" s="2"/>
      <c r="I1161" s="2"/>
      <c r="J1161" s="2"/>
      <c r="K1161" s="2"/>
      <c r="L1161" s="2"/>
      <c r="M1161" s="2"/>
      <c r="N1161" s="2"/>
      <c r="O1161" s="2"/>
      <c r="P1161" s="2"/>
      <c r="Q1161" s="2"/>
      <c r="R1161" s="2"/>
      <c r="S1161" s="2"/>
      <c r="T1161" s="2"/>
      <c r="U1161" s="2"/>
      <c r="V1161" s="2"/>
      <c r="W1161" s="2"/>
      <c r="X1161" s="2"/>
      <c r="Y1161" s="2"/>
      <c r="Z1161" s="2"/>
      <c r="AA1161" s="2"/>
      <c r="AB1161" s="2"/>
      <c r="AC1161" s="2"/>
      <c r="AD1161" s="2"/>
      <c r="AE1161" s="2"/>
      <c r="AF1161" s="2"/>
      <c r="AG1161" s="2"/>
      <c r="AH1161" s="2"/>
      <c r="AI1161" s="2"/>
      <c r="AJ1161" s="2"/>
      <c r="AK1161" s="2"/>
      <c r="AL1161" s="2"/>
      <c r="AM1161" s="2"/>
      <c r="AN1161" s="2"/>
      <c r="AO1161" s="2"/>
      <c r="AP1161" s="2"/>
      <c r="AQ1161" s="2"/>
      <c r="AR1161" s="2"/>
      <c r="AS1161" s="2"/>
      <c r="AT1161" s="2"/>
    </row>
    <row r="1162" spans="1:46" s="3" customFormat="1" ht="13.5" customHeight="1" x14ac:dyDescent="0.15">
      <c r="A1162" s="3">
        <v>1161</v>
      </c>
      <c r="B1162" s="26" t="s">
        <v>1051</v>
      </c>
      <c r="C1162" s="27" t="s">
        <v>1991</v>
      </c>
      <c r="D1162" s="28">
        <v>651</v>
      </c>
      <c r="E1162" s="29" t="s">
        <v>357</v>
      </c>
      <c r="F1162" s="29" t="s">
        <v>242</v>
      </c>
      <c r="G1162" s="27">
        <v>3</v>
      </c>
      <c r="H1162" s="2"/>
      <c r="I1162" s="2"/>
      <c r="J1162" s="2"/>
      <c r="K1162" s="2"/>
      <c r="L1162" s="2"/>
      <c r="M1162" s="2"/>
      <c r="N1162" s="2"/>
      <c r="O1162" s="2"/>
      <c r="P1162" s="2"/>
      <c r="Q1162" s="2"/>
      <c r="R1162" s="2"/>
      <c r="S1162" s="2"/>
      <c r="T1162" s="2"/>
      <c r="U1162" s="2"/>
      <c r="V1162" s="2"/>
      <c r="W1162" s="2"/>
      <c r="X1162" s="2"/>
      <c r="Y1162" s="2"/>
      <c r="Z1162" s="2"/>
      <c r="AA1162" s="2"/>
      <c r="AB1162" s="2"/>
      <c r="AC1162" s="2"/>
      <c r="AD1162" s="2"/>
      <c r="AE1162" s="2"/>
      <c r="AF1162" s="2"/>
      <c r="AG1162" s="2"/>
      <c r="AH1162" s="2"/>
      <c r="AI1162" s="2"/>
      <c r="AJ1162" s="2"/>
      <c r="AK1162" s="2"/>
      <c r="AL1162" s="2"/>
      <c r="AM1162" s="2"/>
      <c r="AN1162" s="2"/>
      <c r="AO1162" s="2"/>
      <c r="AP1162" s="2"/>
      <c r="AQ1162" s="2"/>
      <c r="AR1162" s="2"/>
      <c r="AS1162" s="2"/>
      <c r="AT1162" s="2"/>
    </row>
    <row r="1163" spans="1:46" s="3" customFormat="1" ht="13.5" customHeight="1" x14ac:dyDescent="0.15">
      <c r="A1163" s="3">
        <v>1162</v>
      </c>
      <c r="B1163" s="26" t="s">
        <v>1051</v>
      </c>
      <c r="C1163" s="27" t="s">
        <v>1991</v>
      </c>
      <c r="D1163" s="28">
        <v>931</v>
      </c>
      <c r="E1163" s="29" t="s">
        <v>2876</v>
      </c>
      <c r="F1163" s="29" t="s">
        <v>2877</v>
      </c>
      <c r="G1163" s="27">
        <v>3</v>
      </c>
      <c r="H1163" s="2"/>
      <c r="I1163" s="2"/>
      <c r="J1163" s="2"/>
      <c r="K1163" s="2"/>
      <c r="L1163" s="2"/>
      <c r="M1163" s="2"/>
      <c r="N1163" s="2"/>
      <c r="O1163" s="2"/>
      <c r="P1163" s="2"/>
      <c r="Q1163" s="2"/>
      <c r="R1163" s="2"/>
      <c r="S1163" s="2"/>
      <c r="T1163" s="2"/>
      <c r="U1163" s="2"/>
      <c r="V1163" s="2"/>
      <c r="W1163" s="2"/>
      <c r="X1163" s="2"/>
      <c r="Y1163" s="2"/>
      <c r="Z1163" s="2"/>
      <c r="AA1163" s="2"/>
      <c r="AB1163" s="2"/>
      <c r="AC1163" s="2"/>
      <c r="AD1163" s="2"/>
      <c r="AE1163" s="2"/>
      <c r="AF1163" s="2"/>
      <c r="AG1163" s="2"/>
      <c r="AH1163" s="2"/>
      <c r="AI1163" s="2"/>
      <c r="AJ1163" s="2"/>
      <c r="AK1163" s="2"/>
      <c r="AL1163" s="2"/>
      <c r="AM1163" s="2"/>
      <c r="AN1163" s="2"/>
      <c r="AO1163" s="2"/>
      <c r="AP1163" s="2"/>
      <c r="AQ1163" s="2"/>
      <c r="AR1163" s="2"/>
      <c r="AS1163" s="2"/>
      <c r="AT1163" s="2"/>
    </row>
    <row r="1164" spans="1:46" s="3" customFormat="1" ht="13.5" customHeight="1" x14ac:dyDescent="0.15">
      <c r="A1164" s="3">
        <v>1163</v>
      </c>
      <c r="B1164" s="30" t="s">
        <v>613</v>
      </c>
      <c r="C1164" s="27" t="s">
        <v>1991</v>
      </c>
      <c r="D1164" s="31">
        <v>3710</v>
      </c>
      <c r="E1164" s="32" t="s">
        <v>1362</v>
      </c>
      <c r="F1164" s="32" t="s">
        <v>1387</v>
      </c>
      <c r="G1164" s="27">
        <v>6</v>
      </c>
    </row>
    <row r="1165" spans="1:46" s="3" customFormat="1" ht="13.5" customHeight="1" x14ac:dyDescent="0.15">
      <c r="A1165" s="3">
        <v>1164</v>
      </c>
      <c r="B1165" s="30" t="s">
        <v>613</v>
      </c>
      <c r="C1165" s="27" t="s">
        <v>1991</v>
      </c>
      <c r="D1165" s="31">
        <v>4200</v>
      </c>
      <c r="E1165" s="32" t="s">
        <v>962</v>
      </c>
      <c r="F1165" s="32" t="s">
        <v>1938</v>
      </c>
      <c r="G1165" s="27">
        <v>6</v>
      </c>
    </row>
    <row r="1166" spans="1:46" s="3" customFormat="1" ht="13.5" customHeight="1" x14ac:dyDescent="0.15">
      <c r="A1166" s="3">
        <v>1165</v>
      </c>
      <c r="B1166" s="30" t="s">
        <v>613</v>
      </c>
      <c r="C1166" s="27" t="s">
        <v>1991</v>
      </c>
      <c r="D1166" s="31">
        <v>4290</v>
      </c>
      <c r="E1166" s="32" t="s">
        <v>1513</v>
      </c>
      <c r="F1166" s="32" t="s">
        <v>1722</v>
      </c>
      <c r="G1166" s="27">
        <v>4</v>
      </c>
    </row>
    <row r="1167" spans="1:46" s="3" customFormat="1" ht="13.5" customHeight="1" x14ac:dyDescent="0.15">
      <c r="A1167" s="3">
        <v>1166</v>
      </c>
      <c r="B1167" s="30" t="s">
        <v>613</v>
      </c>
      <c r="C1167" s="27" t="s">
        <v>1991</v>
      </c>
      <c r="D1167" s="31">
        <v>5190</v>
      </c>
      <c r="E1167" s="32" t="s">
        <v>2071</v>
      </c>
      <c r="F1167" s="32" t="s">
        <v>1667</v>
      </c>
      <c r="G1167" s="27">
        <v>6</v>
      </c>
    </row>
    <row r="1168" spans="1:46" s="3" customFormat="1" ht="13.5" customHeight="1" x14ac:dyDescent="0.15">
      <c r="A1168" s="3">
        <v>1167</v>
      </c>
      <c r="B1168" s="30" t="s">
        <v>613</v>
      </c>
      <c r="C1168" s="27" t="s">
        <v>1991</v>
      </c>
      <c r="D1168" s="31">
        <v>5350</v>
      </c>
      <c r="E1168" s="32" t="s">
        <v>2073</v>
      </c>
      <c r="F1168" s="32" t="s">
        <v>996</v>
      </c>
      <c r="G1168" s="27">
        <v>6</v>
      </c>
    </row>
    <row r="1169" spans="1:46" s="3" customFormat="1" ht="13.5" customHeight="1" x14ac:dyDescent="0.15">
      <c r="A1169" s="3">
        <v>1168</v>
      </c>
      <c r="B1169" s="30" t="s">
        <v>613</v>
      </c>
      <c r="C1169" s="27" t="s">
        <v>1991</v>
      </c>
      <c r="D1169" s="31">
        <v>6660</v>
      </c>
      <c r="E1169" s="32" t="s">
        <v>1711</v>
      </c>
      <c r="F1169" s="32" t="s">
        <v>336</v>
      </c>
      <c r="G1169" s="27">
        <v>11</v>
      </c>
      <c r="H1169" s="2"/>
      <c r="I1169" s="2"/>
      <c r="J1169" s="2"/>
      <c r="K1169" s="2"/>
      <c r="L1169" s="2"/>
      <c r="M1169" s="2"/>
      <c r="N1169" s="2"/>
      <c r="O1169" s="2"/>
      <c r="P1169" s="2"/>
      <c r="Q1169" s="2"/>
      <c r="R1169" s="2"/>
      <c r="S1169" s="2"/>
      <c r="T1169" s="2"/>
      <c r="U1169" s="2"/>
      <c r="V1169" s="2"/>
      <c r="W1169" s="2"/>
      <c r="X1169" s="2"/>
      <c r="Y1169" s="2"/>
      <c r="Z1169" s="2"/>
      <c r="AA1169" s="2"/>
      <c r="AB1169" s="2"/>
      <c r="AC1169" s="2"/>
      <c r="AD1169" s="2"/>
      <c r="AE1169" s="2"/>
      <c r="AF1169" s="2"/>
      <c r="AG1169" s="2"/>
      <c r="AH1169" s="2"/>
      <c r="AI1169" s="2"/>
      <c r="AJ1169" s="2"/>
      <c r="AK1169" s="2"/>
      <c r="AL1169" s="2"/>
      <c r="AM1169" s="2"/>
      <c r="AN1169" s="2"/>
      <c r="AO1169" s="2"/>
      <c r="AP1169" s="2"/>
      <c r="AQ1169" s="2"/>
      <c r="AR1169" s="2"/>
      <c r="AS1169" s="2"/>
      <c r="AT1169" s="2"/>
    </row>
    <row r="1170" spans="1:46" s="3" customFormat="1" ht="13.5" customHeight="1" x14ac:dyDescent="0.15">
      <c r="A1170" s="3">
        <v>1169</v>
      </c>
      <c r="B1170" s="30" t="s">
        <v>613</v>
      </c>
      <c r="C1170" s="27" t="s">
        <v>1991</v>
      </c>
      <c r="D1170" s="31">
        <v>7060</v>
      </c>
      <c r="E1170" s="32" t="s">
        <v>2428</v>
      </c>
      <c r="F1170" s="32" t="s">
        <v>1937</v>
      </c>
      <c r="G1170" s="27">
        <v>5</v>
      </c>
    </row>
    <row r="1171" spans="1:46" s="3" customFormat="1" ht="13.5" customHeight="1" x14ac:dyDescent="0.15">
      <c r="A1171" s="3">
        <v>1170</v>
      </c>
      <c r="B1171" s="30" t="s">
        <v>613</v>
      </c>
      <c r="C1171" s="27" t="s">
        <v>1991</v>
      </c>
      <c r="D1171" s="31">
        <v>8760</v>
      </c>
      <c r="E1171" s="32" t="s">
        <v>2034</v>
      </c>
      <c r="F1171" s="32" t="s">
        <v>1720</v>
      </c>
      <c r="G1171" s="27">
        <v>9</v>
      </c>
    </row>
    <row r="1172" spans="1:46" s="3" customFormat="1" ht="13.5" customHeight="1" x14ac:dyDescent="0.15">
      <c r="A1172" s="3">
        <v>1171</v>
      </c>
      <c r="B1172" s="30" t="s">
        <v>613</v>
      </c>
      <c r="C1172" s="27" t="s">
        <v>18</v>
      </c>
      <c r="D1172" s="31">
        <v>10390</v>
      </c>
      <c r="E1172" s="32" t="s">
        <v>736</v>
      </c>
      <c r="F1172" s="32" t="s">
        <v>2272</v>
      </c>
      <c r="G1172" s="27">
        <v>6</v>
      </c>
    </row>
    <row r="1173" spans="1:46" s="3" customFormat="1" ht="13.5" customHeight="1" x14ac:dyDescent="0.15">
      <c r="A1173" s="3">
        <v>1172</v>
      </c>
      <c r="B1173" s="30" t="s">
        <v>613</v>
      </c>
      <c r="C1173" s="27" t="s">
        <v>1991</v>
      </c>
      <c r="D1173" s="31">
        <v>10430</v>
      </c>
      <c r="E1173" s="32" t="s">
        <v>787</v>
      </c>
      <c r="F1173" s="32" t="s">
        <v>2413</v>
      </c>
      <c r="G1173" s="27">
        <v>6</v>
      </c>
    </row>
    <row r="1174" spans="1:46" s="3" customFormat="1" ht="13.5" customHeight="1" x14ac:dyDescent="0.15">
      <c r="A1174" s="3">
        <v>1173</v>
      </c>
      <c r="B1174" s="30" t="s">
        <v>613</v>
      </c>
      <c r="C1174" s="27" t="s">
        <v>1991</v>
      </c>
      <c r="D1174" s="31">
        <v>10520</v>
      </c>
      <c r="E1174" s="32" t="s">
        <v>2928</v>
      </c>
      <c r="F1174" s="32" t="s">
        <v>857</v>
      </c>
      <c r="G1174" s="27">
        <v>6</v>
      </c>
    </row>
    <row r="1175" spans="1:46" s="3" customFormat="1" ht="13.5" customHeight="1" x14ac:dyDescent="0.15">
      <c r="A1175" s="3">
        <v>1174</v>
      </c>
      <c r="B1175" s="30" t="s">
        <v>613</v>
      </c>
      <c r="C1175" s="27" t="s">
        <v>1991</v>
      </c>
      <c r="D1175" s="31">
        <v>12240</v>
      </c>
      <c r="E1175" s="32" t="s">
        <v>2929</v>
      </c>
      <c r="F1175" s="32" t="s">
        <v>2015</v>
      </c>
      <c r="G1175" s="27">
        <v>6</v>
      </c>
    </row>
    <row r="1176" spans="1:46" s="3" customFormat="1" ht="13.5" customHeight="1" x14ac:dyDescent="0.15">
      <c r="A1176" s="3">
        <v>1175</v>
      </c>
      <c r="B1176" s="30" t="s">
        <v>613</v>
      </c>
      <c r="C1176" s="27" t="s">
        <v>1991</v>
      </c>
      <c r="D1176" s="31">
        <v>12590</v>
      </c>
      <c r="E1176" s="32" t="s">
        <v>1330</v>
      </c>
      <c r="F1176" s="32" t="s">
        <v>1721</v>
      </c>
      <c r="G1176" s="27">
        <v>6</v>
      </c>
    </row>
    <row r="1177" spans="1:46" s="3" customFormat="1" ht="13.5" customHeight="1" x14ac:dyDescent="0.15">
      <c r="A1177" s="3">
        <v>1176</v>
      </c>
      <c r="B1177" s="30" t="s">
        <v>613</v>
      </c>
      <c r="C1177" s="27" t="s">
        <v>1991</v>
      </c>
      <c r="D1177" s="31">
        <v>13520</v>
      </c>
      <c r="E1177" s="32" t="s">
        <v>476</v>
      </c>
      <c r="F1177" s="32" t="s">
        <v>1400</v>
      </c>
      <c r="G1177" s="27">
        <v>12</v>
      </c>
    </row>
    <row r="1178" spans="1:46" s="3" customFormat="1" ht="13.5" customHeight="1" x14ac:dyDescent="0.15">
      <c r="A1178" s="3">
        <v>1177</v>
      </c>
      <c r="B1178" s="30" t="s">
        <v>613</v>
      </c>
      <c r="C1178" s="27" t="s">
        <v>1991</v>
      </c>
      <c r="D1178" s="31">
        <v>14910</v>
      </c>
      <c r="E1178" s="32" t="s">
        <v>6</v>
      </c>
      <c r="F1178" s="32" t="s">
        <v>2016</v>
      </c>
      <c r="G1178" s="27">
        <v>9</v>
      </c>
    </row>
    <row r="1179" spans="1:46" s="3" customFormat="1" ht="13.5" customHeight="1" x14ac:dyDescent="0.15">
      <c r="A1179" s="3">
        <v>1178</v>
      </c>
      <c r="B1179" s="30" t="s">
        <v>613</v>
      </c>
      <c r="C1179" s="27" t="s">
        <v>1991</v>
      </c>
      <c r="D1179" s="31">
        <v>15410</v>
      </c>
      <c r="E1179" s="32" t="s">
        <v>1013</v>
      </c>
      <c r="F1179" s="32" t="s">
        <v>1788</v>
      </c>
      <c r="G1179" s="27">
        <v>6</v>
      </c>
    </row>
    <row r="1180" spans="1:46" s="3" customFormat="1" ht="13.5" customHeight="1" x14ac:dyDescent="0.15">
      <c r="A1180" s="3">
        <v>1179</v>
      </c>
      <c r="B1180" s="30" t="s">
        <v>613</v>
      </c>
      <c r="C1180" s="27" t="s">
        <v>1055</v>
      </c>
      <c r="D1180" s="31">
        <v>15800</v>
      </c>
      <c r="E1180" s="32" t="s">
        <v>2865</v>
      </c>
      <c r="F1180" s="32" t="s">
        <v>1024</v>
      </c>
      <c r="G1180" s="27">
        <v>9</v>
      </c>
    </row>
    <row r="1181" spans="1:46" s="3" customFormat="1" ht="13.5" customHeight="1" x14ac:dyDescent="0.15">
      <c r="A1181" s="3">
        <v>1180</v>
      </c>
      <c r="B1181" s="30" t="s">
        <v>613</v>
      </c>
      <c r="C1181" s="27" t="s">
        <v>1991</v>
      </c>
      <c r="D1181" s="31">
        <v>16890</v>
      </c>
      <c r="E1181" s="32" t="s">
        <v>564</v>
      </c>
      <c r="F1181" s="32" t="s">
        <v>997</v>
      </c>
      <c r="G1181" s="27">
        <v>12</v>
      </c>
    </row>
    <row r="1182" spans="1:46" s="3" customFormat="1" ht="13.5" customHeight="1" x14ac:dyDescent="0.15">
      <c r="A1182" s="3">
        <v>1181</v>
      </c>
      <c r="B1182" s="30" t="s">
        <v>613</v>
      </c>
      <c r="C1182" s="27" t="s">
        <v>1991</v>
      </c>
      <c r="D1182" s="31">
        <v>17280</v>
      </c>
      <c r="E1182" s="32" t="s">
        <v>2989</v>
      </c>
      <c r="F1182" s="32" t="s">
        <v>2990</v>
      </c>
      <c r="G1182" s="27">
        <v>6</v>
      </c>
    </row>
    <row r="1183" spans="1:46" s="3" customFormat="1" ht="13.5" customHeight="1" x14ac:dyDescent="0.15">
      <c r="A1183" s="3">
        <v>1182</v>
      </c>
      <c r="B1183" s="30" t="s">
        <v>613</v>
      </c>
      <c r="C1183" s="27" t="s">
        <v>1991</v>
      </c>
      <c r="D1183" s="31">
        <v>19260</v>
      </c>
      <c r="E1183" s="32" t="s">
        <v>1397</v>
      </c>
      <c r="F1183" s="32" t="s">
        <v>677</v>
      </c>
      <c r="G1183" s="27">
        <v>7</v>
      </c>
    </row>
    <row r="1184" spans="1:46" s="3" customFormat="1" ht="13.5" customHeight="1" x14ac:dyDescent="0.15">
      <c r="A1184" s="3">
        <v>1183</v>
      </c>
      <c r="B1184" s="30" t="s">
        <v>613</v>
      </c>
      <c r="C1184" s="27" t="s">
        <v>1991</v>
      </c>
      <c r="D1184" s="31">
        <v>20350</v>
      </c>
      <c r="E1184" s="32" t="s">
        <v>669</v>
      </c>
      <c r="F1184" s="32" t="s">
        <v>257</v>
      </c>
      <c r="G1184" s="27">
        <v>6</v>
      </c>
    </row>
    <row r="1185" spans="1:7" s="3" customFormat="1" ht="13.5" customHeight="1" x14ac:dyDescent="0.15">
      <c r="A1185" s="3">
        <v>1184</v>
      </c>
      <c r="B1185" s="30" t="s">
        <v>613</v>
      </c>
      <c r="C1185" s="27" t="s">
        <v>1991</v>
      </c>
      <c r="D1185" s="31">
        <v>20960</v>
      </c>
      <c r="E1185" s="32" t="s">
        <v>1105</v>
      </c>
      <c r="F1185" s="32" t="s">
        <v>1881</v>
      </c>
      <c r="G1185" s="27">
        <v>8</v>
      </c>
    </row>
    <row r="1186" spans="1:7" s="3" customFormat="1" ht="13.5" customHeight="1" x14ac:dyDescent="0.15">
      <c r="A1186" s="3">
        <v>1185</v>
      </c>
      <c r="B1186" s="30" t="s">
        <v>613</v>
      </c>
      <c r="C1186" s="27" t="s">
        <v>1991</v>
      </c>
      <c r="D1186" s="31">
        <v>24640</v>
      </c>
      <c r="E1186" s="32" t="s">
        <v>867</v>
      </c>
      <c r="F1186" s="32" t="s">
        <v>1723</v>
      </c>
      <c r="G1186" s="27">
        <v>12</v>
      </c>
    </row>
    <row r="1187" spans="1:7" s="3" customFormat="1" ht="13.5" customHeight="1" x14ac:dyDescent="0.15">
      <c r="A1187" s="3">
        <v>1186</v>
      </c>
      <c r="B1187" s="30" t="s">
        <v>613</v>
      </c>
      <c r="C1187" s="27" t="s">
        <v>1991</v>
      </c>
      <c r="D1187" s="31">
        <v>26020</v>
      </c>
      <c r="E1187" s="32" t="s">
        <v>174</v>
      </c>
      <c r="F1187" s="32" t="s">
        <v>1434</v>
      </c>
      <c r="G1187" s="27">
        <v>12</v>
      </c>
    </row>
    <row r="1188" spans="1:7" s="3" customFormat="1" ht="13.5" customHeight="1" x14ac:dyDescent="0.15">
      <c r="A1188" s="3">
        <v>1187</v>
      </c>
      <c r="B1188" s="30" t="s">
        <v>613</v>
      </c>
      <c r="C1188" s="27" t="s">
        <v>1991</v>
      </c>
      <c r="D1188" s="31">
        <v>26410</v>
      </c>
      <c r="E1188" s="32" t="s">
        <v>253</v>
      </c>
      <c r="F1188" s="32" t="s">
        <v>1385</v>
      </c>
      <c r="G1188" s="27">
        <v>5</v>
      </c>
    </row>
    <row r="1189" spans="1:7" s="3" customFormat="1" ht="13.5" customHeight="1" x14ac:dyDescent="0.15">
      <c r="A1189" s="3">
        <v>1188</v>
      </c>
      <c r="B1189" s="30" t="s">
        <v>613</v>
      </c>
      <c r="C1189" s="27" t="s">
        <v>1991</v>
      </c>
      <c r="D1189" s="31">
        <v>27090</v>
      </c>
      <c r="E1189" s="32" t="s">
        <v>570</v>
      </c>
      <c r="F1189" s="32" t="s">
        <v>995</v>
      </c>
      <c r="G1189" s="27">
        <v>3</v>
      </c>
    </row>
    <row r="1190" spans="1:7" s="3" customFormat="1" ht="13.5" customHeight="1" x14ac:dyDescent="0.15">
      <c r="A1190" s="3">
        <v>1189</v>
      </c>
      <c r="B1190" s="30" t="s">
        <v>613</v>
      </c>
      <c r="C1190" s="27" t="s">
        <v>1991</v>
      </c>
      <c r="D1190" s="31">
        <v>29810</v>
      </c>
      <c r="E1190" s="32" t="s">
        <v>233</v>
      </c>
      <c r="F1190" s="32" t="s">
        <v>1026</v>
      </c>
      <c r="G1190" s="27">
        <v>6</v>
      </c>
    </row>
    <row r="1191" spans="1:7" s="3" customFormat="1" ht="13.5" customHeight="1" x14ac:dyDescent="0.15">
      <c r="A1191" s="3">
        <v>1190</v>
      </c>
      <c r="B1191" s="30" t="s">
        <v>613</v>
      </c>
      <c r="C1191" s="27" t="s">
        <v>1991</v>
      </c>
      <c r="D1191" s="31">
        <v>29820</v>
      </c>
      <c r="E1191" s="32" t="s">
        <v>2447</v>
      </c>
      <c r="F1191" s="32" t="s">
        <v>258</v>
      </c>
      <c r="G1191" s="27">
        <v>6</v>
      </c>
    </row>
    <row r="1192" spans="1:7" s="3" customFormat="1" ht="13.5" customHeight="1" x14ac:dyDescent="0.15">
      <c r="A1192" s="3">
        <v>1191</v>
      </c>
      <c r="B1192" s="30" t="s">
        <v>613</v>
      </c>
      <c r="C1192" s="27" t="s">
        <v>1991</v>
      </c>
      <c r="D1192" s="31">
        <v>29830</v>
      </c>
      <c r="E1192" s="32" t="s">
        <v>824</v>
      </c>
      <c r="F1192" s="32" t="s">
        <v>1025</v>
      </c>
      <c r="G1192" s="27">
        <v>6</v>
      </c>
    </row>
    <row r="1193" spans="1:7" s="3" customFormat="1" ht="13.5" customHeight="1" x14ac:dyDescent="0.15">
      <c r="A1193" s="3">
        <v>1192</v>
      </c>
      <c r="B1193" s="30" t="s">
        <v>613</v>
      </c>
      <c r="C1193" s="27" t="s">
        <v>1991</v>
      </c>
      <c r="D1193" s="31">
        <v>32900</v>
      </c>
      <c r="E1193" s="32" t="s">
        <v>1762</v>
      </c>
      <c r="F1193" s="32" t="s">
        <v>828</v>
      </c>
      <c r="G1193" s="27">
        <v>10</v>
      </c>
    </row>
    <row r="1194" spans="1:7" s="3" customFormat="1" ht="13.5" customHeight="1" x14ac:dyDescent="0.15">
      <c r="A1194" s="3">
        <v>1193</v>
      </c>
      <c r="B1194" s="30" t="s">
        <v>613</v>
      </c>
      <c r="C1194" s="27" t="s">
        <v>1991</v>
      </c>
      <c r="D1194" s="31">
        <v>33770</v>
      </c>
      <c r="E1194" s="32" t="s">
        <v>342</v>
      </c>
      <c r="F1194" s="32" t="s">
        <v>116</v>
      </c>
      <c r="G1194" s="27">
        <v>12</v>
      </c>
    </row>
    <row r="1195" spans="1:7" s="3" customFormat="1" ht="13.5" customHeight="1" x14ac:dyDescent="0.15">
      <c r="A1195" s="3">
        <v>1194</v>
      </c>
      <c r="B1195" s="30" t="s">
        <v>613</v>
      </c>
      <c r="C1195" s="27" t="s">
        <v>1991</v>
      </c>
      <c r="D1195" s="31">
        <v>34340</v>
      </c>
      <c r="E1195" s="32" t="s">
        <v>1123</v>
      </c>
      <c r="F1195" s="32" t="s">
        <v>1581</v>
      </c>
      <c r="G1195" s="27">
        <v>7</v>
      </c>
    </row>
    <row r="1196" spans="1:7" s="3" customFormat="1" ht="13.5" customHeight="1" x14ac:dyDescent="0.15">
      <c r="A1196" s="3">
        <v>1195</v>
      </c>
      <c r="B1196" s="30" t="s">
        <v>613</v>
      </c>
      <c r="C1196" s="27" t="s">
        <v>1991</v>
      </c>
      <c r="D1196" s="31">
        <v>34590</v>
      </c>
      <c r="E1196" s="32" t="s">
        <v>1254</v>
      </c>
      <c r="F1196" s="32" t="s">
        <v>2017</v>
      </c>
      <c r="G1196" s="27">
        <v>6</v>
      </c>
    </row>
    <row r="1197" spans="1:7" s="3" customFormat="1" ht="13.5" customHeight="1" x14ac:dyDescent="0.15">
      <c r="A1197" s="3">
        <v>1196</v>
      </c>
      <c r="B1197" s="30" t="s">
        <v>613</v>
      </c>
      <c r="C1197" s="27" t="s">
        <v>1991</v>
      </c>
      <c r="D1197" s="31">
        <v>34790</v>
      </c>
      <c r="E1197" s="32" t="s">
        <v>1150</v>
      </c>
      <c r="F1197" s="32" t="s">
        <v>1787</v>
      </c>
      <c r="G1197" s="27">
        <v>8</v>
      </c>
    </row>
    <row r="1198" spans="1:7" s="3" customFormat="1" ht="13.5" customHeight="1" x14ac:dyDescent="0.15">
      <c r="A1198" s="3">
        <v>1197</v>
      </c>
      <c r="B1198" s="30" t="s">
        <v>613</v>
      </c>
      <c r="C1198" s="27" t="s">
        <v>1991</v>
      </c>
      <c r="D1198" s="31">
        <v>35290</v>
      </c>
      <c r="E1198" s="32" t="s">
        <v>1855</v>
      </c>
      <c r="F1198" s="32" t="s">
        <v>1935</v>
      </c>
      <c r="G1198" s="27">
        <v>12</v>
      </c>
    </row>
    <row r="1199" spans="1:7" s="3" customFormat="1" ht="13.5" customHeight="1" x14ac:dyDescent="0.15">
      <c r="A1199" s="3">
        <v>1198</v>
      </c>
      <c r="B1199" s="30" t="s">
        <v>613</v>
      </c>
      <c r="C1199" s="27" t="s">
        <v>1991</v>
      </c>
      <c r="D1199" s="31">
        <v>35300</v>
      </c>
      <c r="E1199" s="32" t="s">
        <v>1856</v>
      </c>
      <c r="F1199" s="32" t="s">
        <v>627</v>
      </c>
      <c r="G1199" s="27">
        <v>6</v>
      </c>
    </row>
    <row r="1200" spans="1:7" s="3" customFormat="1" ht="13.5" customHeight="1" x14ac:dyDescent="0.15">
      <c r="A1200" s="3">
        <v>1199</v>
      </c>
      <c r="B1200" s="30" t="s">
        <v>613</v>
      </c>
      <c r="C1200" s="27" t="s">
        <v>1991</v>
      </c>
      <c r="D1200" s="31">
        <v>35320</v>
      </c>
      <c r="E1200" s="32" t="s">
        <v>1857</v>
      </c>
      <c r="F1200" s="32" t="s">
        <v>1273</v>
      </c>
      <c r="G1200" s="27">
        <v>8</v>
      </c>
    </row>
    <row r="1201" spans="1:46" s="3" customFormat="1" ht="13.5" customHeight="1" x14ac:dyDescent="0.15">
      <c r="A1201" s="3">
        <v>1200</v>
      </c>
      <c r="B1201" s="30" t="s">
        <v>613</v>
      </c>
      <c r="C1201" s="27" t="s">
        <v>1991</v>
      </c>
      <c r="D1201" s="31">
        <v>35330</v>
      </c>
      <c r="E1201" s="32" t="s">
        <v>1858</v>
      </c>
      <c r="F1201" s="32" t="s">
        <v>1939</v>
      </c>
      <c r="G1201" s="27">
        <v>3</v>
      </c>
    </row>
    <row r="1202" spans="1:46" s="3" customFormat="1" ht="13.5" customHeight="1" x14ac:dyDescent="0.15">
      <c r="A1202" s="3">
        <v>1201</v>
      </c>
      <c r="B1202" s="30" t="s">
        <v>613</v>
      </c>
      <c r="C1202" s="27" t="s">
        <v>1991</v>
      </c>
      <c r="D1202" s="31">
        <v>35340</v>
      </c>
      <c r="E1202" s="32" t="s">
        <v>1859</v>
      </c>
      <c r="F1202" s="32" t="s">
        <v>1386</v>
      </c>
      <c r="G1202" s="27">
        <v>6</v>
      </c>
    </row>
    <row r="1203" spans="1:46" s="3" customFormat="1" ht="13.5" customHeight="1" x14ac:dyDescent="0.15">
      <c r="A1203" s="3">
        <v>1202</v>
      </c>
      <c r="B1203" s="30" t="s">
        <v>613</v>
      </c>
      <c r="C1203" s="27" t="s">
        <v>1991</v>
      </c>
      <c r="D1203" s="31">
        <v>35350</v>
      </c>
      <c r="E1203" s="32" t="s">
        <v>1860</v>
      </c>
      <c r="F1203" s="32" t="s">
        <v>1936</v>
      </c>
      <c r="G1203" s="27">
        <v>9</v>
      </c>
    </row>
    <row r="1204" spans="1:46" s="3" customFormat="1" ht="13.5" customHeight="1" x14ac:dyDescent="0.15">
      <c r="A1204" s="3">
        <v>1203</v>
      </c>
      <c r="B1204" s="30" t="s">
        <v>613</v>
      </c>
      <c r="C1204" s="27" t="s">
        <v>1991</v>
      </c>
      <c r="D1204" s="31">
        <v>36560</v>
      </c>
      <c r="E1204" s="32" t="s">
        <v>1009</v>
      </c>
      <c r="F1204" s="32" t="s">
        <v>1197</v>
      </c>
      <c r="G1204" s="27">
        <v>12</v>
      </c>
    </row>
    <row r="1205" spans="1:46" s="3" customFormat="1" ht="13.5" customHeight="1" x14ac:dyDescent="0.15">
      <c r="A1205" s="3">
        <v>1204</v>
      </c>
      <c r="B1205" s="30" t="s">
        <v>613</v>
      </c>
      <c r="C1205" s="27" t="s">
        <v>1055</v>
      </c>
      <c r="D1205" s="31">
        <v>39090</v>
      </c>
      <c r="E1205" s="32" t="s">
        <v>3026</v>
      </c>
      <c r="F1205" s="32" t="s">
        <v>3341</v>
      </c>
      <c r="G1205" s="27">
        <v>6</v>
      </c>
      <c r="H1205" s="2"/>
      <c r="I1205" s="2"/>
      <c r="J1205" s="2"/>
      <c r="K1205" s="2"/>
      <c r="L1205" s="2"/>
      <c r="M1205" s="2"/>
      <c r="N1205" s="2"/>
      <c r="O1205" s="2"/>
      <c r="P1205" s="2"/>
      <c r="Q1205" s="2"/>
      <c r="R1205" s="2"/>
      <c r="S1205" s="2"/>
      <c r="T1205" s="2"/>
      <c r="U1205" s="2"/>
      <c r="V1205" s="2"/>
      <c r="W1205" s="2"/>
      <c r="X1205" s="2"/>
      <c r="Y1205" s="2"/>
      <c r="Z1205" s="2"/>
      <c r="AA1205" s="2"/>
      <c r="AB1205" s="2"/>
      <c r="AC1205" s="2"/>
      <c r="AD1205" s="2"/>
      <c r="AE1205" s="2"/>
      <c r="AF1205" s="2"/>
      <c r="AG1205" s="2"/>
      <c r="AH1205" s="2"/>
      <c r="AI1205" s="2"/>
      <c r="AJ1205" s="2"/>
      <c r="AK1205" s="2"/>
      <c r="AL1205" s="2"/>
      <c r="AM1205" s="2"/>
      <c r="AN1205" s="2"/>
      <c r="AO1205" s="2"/>
      <c r="AP1205" s="2"/>
      <c r="AQ1205" s="2"/>
      <c r="AR1205" s="2"/>
      <c r="AS1205" s="2"/>
      <c r="AT1205" s="2"/>
    </row>
    <row r="1206" spans="1:46" s="3" customFormat="1" ht="13.5" customHeight="1" x14ac:dyDescent="0.15">
      <c r="A1206" s="3">
        <v>1205</v>
      </c>
      <c r="B1206" s="30" t="s">
        <v>613</v>
      </c>
      <c r="C1206" s="27" t="s">
        <v>1991</v>
      </c>
      <c r="D1206" s="31">
        <v>39710</v>
      </c>
      <c r="E1206" s="32" t="s">
        <v>3046</v>
      </c>
      <c r="F1206" s="32" t="s">
        <v>1626</v>
      </c>
      <c r="G1206" s="27">
        <v>6</v>
      </c>
    </row>
    <row r="1207" spans="1:46" s="3" customFormat="1" ht="13.5" customHeight="1" x14ac:dyDescent="0.15">
      <c r="A1207" s="3">
        <v>1206</v>
      </c>
      <c r="B1207" s="30" t="s">
        <v>613</v>
      </c>
      <c r="C1207" s="27" t="s">
        <v>18</v>
      </c>
      <c r="D1207" s="34">
        <v>40580</v>
      </c>
      <c r="E1207" s="32" t="s">
        <v>3065</v>
      </c>
      <c r="F1207" s="32" t="s">
        <v>292</v>
      </c>
      <c r="G1207" s="27">
        <v>9</v>
      </c>
    </row>
    <row r="1208" spans="1:46" s="3" customFormat="1" ht="13.5" customHeight="1" x14ac:dyDescent="0.15">
      <c r="A1208" s="3">
        <v>1207</v>
      </c>
      <c r="B1208" s="30" t="s">
        <v>613</v>
      </c>
      <c r="C1208" s="27" t="s">
        <v>18</v>
      </c>
      <c r="D1208" s="34">
        <v>40610</v>
      </c>
      <c r="E1208" s="32" t="s">
        <v>3066</v>
      </c>
      <c r="F1208" s="32" t="s">
        <v>293</v>
      </c>
      <c r="G1208" s="27">
        <v>12</v>
      </c>
    </row>
    <row r="1209" spans="1:46" s="3" customFormat="1" ht="13.5" customHeight="1" x14ac:dyDescent="0.15">
      <c r="A1209" s="3">
        <v>1208</v>
      </c>
      <c r="B1209" s="30" t="s">
        <v>613</v>
      </c>
      <c r="C1209" s="44" t="s">
        <v>18</v>
      </c>
      <c r="D1209" s="28">
        <v>41120</v>
      </c>
      <c r="E1209" s="29" t="s">
        <v>471</v>
      </c>
      <c r="F1209" s="32" t="s">
        <v>775</v>
      </c>
      <c r="G1209" s="27">
        <v>6</v>
      </c>
    </row>
    <row r="1210" spans="1:46" s="3" customFormat="1" ht="13.5" customHeight="1" x14ac:dyDescent="0.15">
      <c r="A1210" s="3">
        <v>1209</v>
      </c>
      <c r="B1210" s="30" t="s">
        <v>613</v>
      </c>
      <c r="C1210" s="27" t="s">
        <v>18</v>
      </c>
      <c r="D1210" s="28">
        <v>41300</v>
      </c>
      <c r="E1210" s="38" t="s">
        <v>814</v>
      </c>
      <c r="F1210" s="29" t="s">
        <v>2271</v>
      </c>
      <c r="G1210" s="27">
        <v>7</v>
      </c>
    </row>
    <row r="1211" spans="1:46" s="3" customFormat="1" ht="13.5" customHeight="1" x14ac:dyDescent="0.15">
      <c r="A1211" s="3">
        <v>1210</v>
      </c>
      <c r="B1211" s="30" t="s">
        <v>613</v>
      </c>
      <c r="C1211" s="27" t="s">
        <v>1991</v>
      </c>
      <c r="D1211" s="31">
        <v>41310</v>
      </c>
      <c r="E1211" s="32" t="s">
        <v>1227</v>
      </c>
      <c r="F1211" s="32" t="s">
        <v>2270</v>
      </c>
      <c r="G1211" s="27">
        <v>5</v>
      </c>
    </row>
    <row r="1212" spans="1:46" s="3" customFormat="1" ht="13.5" customHeight="1" x14ac:dyDescent="0.15">
      <c r="A1212" s="3">
        <v>1211</v>
      </c>
      <c r="B1212" s="30" t="s">
        <v>613</v>
      </c>
      <c r="C1212" s="27" t="s">
        <v>1055</v>
      </c>
      <c r="D1212" s="28">
        <v>42500</v>
      </c>
      <c r="E1212" s="29" t="s">
        <v>2065</v>
      </c>
      <c r="F1212" s="29" t="s">
        <v>2269</v>
      </c>
      <c r="G1212" s="27">
        <v>10</v>
      </c>
    </row>
    <row r="1213" spans="1:46" s="3" customFormat="1" ht="13.5" customHeight="1" x14ac:dyDescent="0.15">
      <c r="A1213" s="3">
        <v>1212</v>
      </c>
      <c r="B1213" s="30" t="s">
        <v>613</v>
      </c>
      <c r="C1213" s="27" t="s">
        <v>1055</v>
      </c>
      <c r="D1213" s="34">
        <v>143040</v>
      </c>
      <c r="E1213" s="32" t="s">
        <v>2317</v>
      </c>
      <c r="F1213" s="32" t="s">
        <v>2318</v>
      </c>
      <c r="G1213" s="27">
        <v>9</v>
      </c>
    </row>
    <row r="1214" spans="1:46" s="3" customFormat="1" ht="13.5" customHeight="1" x14ac:dyDescent="0.15">
      <c r="A1214" s="3">
        <v>1213</v>
      </c>
      <c r="B1214" s="30" t="s">
        <v>613</v>
      </c>
      <c r="C1214" s="27" t="s">
        <v>1055</v>
      </c>
      <c r="D1214" s="34">
        <v>143110</v>
      </c>
      <c r="E1214" s="32" t="s">
        <v>2303</v>
      </c>
      <c r="F1214" s="32" t="s">
        <v>2342</v>
      </c>
      <c r="G1214" s="27">
        <v>5</v>
      </c>
    </row>
    <row r="1215" spans="1:46" s="3" customFormat="1" ht="13.5" customHeight="1" x14ac:dyDescent="0.15">
      <c r="A1215" s="3">
        <v>1214</v>
      </c>
      <c r="B1215" s="30" t="s">
        <v>613</v>
      </c>
      <c r="C1215" s="27" t="s">
        <v>1055</v>
      </c>
      <c r="D1215" s="28">
        <v>144840</v>
      </c>
      <c r="E1215" s="29" t="s">
        <v>2659</v>
      </c>
      <c r="F1215" s="29" t="s">
        <v>2682</v>
      </c>
      <c r="G1215" s="27">
        <v>12</v>
      </c>
    </row>
    <row r="1216" spans="1:46" s="3" customFormat="1" ht="13.5" customHeight="1" x14ac:dyDescent="0.15">
      <c r="A1216" s="3">
        <v>1215</v>
      </c>
      <c r="B1216" s="30" t="s">
        <v>613</v>
      </c>
      <c r="C1216" s="27" t="s">
        <v>18</v>
      </c>
      <c r="D1216" s="31">
        <v>145420</v>
      </c>
      <c r="E1216" s="29" t="s">
        <v>2841</v>
      </c>
      <c r="F1216" s="40" t="s">
        <v>2813</v>
      </c>
      <c r="G1216" s="27">
        <v>8</v>
      </c>
    </row>
    <row r="1217" spans="1:46" s="3" customFormat="1" ht="13.5" customHeight="1" x14ac:dyDescent="0.15">
      <c r="A1217" s="3">
        <v>1216</v>
      </c>
      <c r="B1217" s="30" t="s">
        <v>613</v>
      </c>
      <c r="C1217" s="27" t="s">
        <v>1055</v>
      </c>
      <c r="D1217" s="28">
        <v>145730</v>
      </c>
      <c r="E1217" s="29" t="s">
        <v>2920</v>
      </c>
      <c r="F1217" s="29" t="s">
        <v>2910</v>
      </c>
      <c r="G1217" s="27">
        <v>7</v>
      </c>
    </row>
    <row r="1218" spans="1:46" s="3" customFormat="1" ht="13.5" customHeight="1" x14ac:dyDescent="0.15">
      <c r="A1218" s="3">
        <v>1217</v>
      </c>
      <c r="B1218" s="30" t="s">
        <v>613</v>
      </c>
      <c r="C1218" s="39" t="s">
        <v>1055</v>
      </c>
      <c r="D1218" s="33">
        <v>146450</v>
      </c>
      <c r="E1218" s="40" t="s">
        <v>3142</v>
      </c>
      <c r="F1218" s="29" t="s">
        <v>3169</v>
      </c>
      <c r="G1218" s="27">
        <v>2</v>
      </c>
    </row>
    <row r="1219" spans="1:46" s="3" customFormat="1" ht="13.5" customHeight="1" x14ac:dyDescent="0.15">
      <c r="A1219" s="3">
        <v>1218</v>
      </c>
      <c r="B1219" s="30" t="s">
        <v>613</v>
      </c>
      <c r="C1219" s="39" t="s">
        <v>1055</v>
      </c>
      <c r="D1219" s="33">
        <v>146560</v>
      </c>
      <c r="E1219" s="40" t="s">
        <v>3150</v>
      </c>
      <c r="F1219" s="29" t="s">
        <v>3179</v>
      </c>
      <c r="G1219" s="27">
        <v>7</v>
      </c>
    </row>
    <row r="1220" spans="1:46" s="3" customFormat="1" ht="13.5" customHeight="1" x14ac:dyDescent="0.15">
      <c r="A1220" s="3">
        <v>1219</v>
      </c>
      <c r="B1220" s="30" t="s">
        <v>613</v>
      </c>
      <c r="C1220" s="39" t="s">
        <v>1055</v>
      </c>
      <c r="D1220" s="33">
        <v>146570</v>
      </c>
      <c r="E1220" s="40" t="s">
        <v>3151</v>
      </c>
      <c r="F1220" s="29" t="s">
        <v>3180</v>
      </c>
      <c r="G1220" s="27">
        <v>7</v>
      </c>
    </row>
    <row r="1221" spans="1:46" s="3" customFormat="1" ht="13.5" customHeight="1" x14ac:dyDescent="0.15">
      <c r="A1221" s="3">
        <v>1220</v>
      </c>
      <c r="B1221" s="30" t="s">
        <v>613</v>
      </c>
      <c r="C1221" s="27" t="s">
        <v>3419</v>
      </c>
      <c r="D1221" s="28">
        <v>147240</v>
      </c>
      <c r="E1221" s="29" t="s">
        <v>3385</v>
      </c>
      <c r="F1221" s="29" t="s">
        <v>3406</v>
      </c>
      <c r="G1221" s="27">
        <v>12</v>
      </c>
      <c r="H1221" s="2"/>
      <c r="I1221" s="2"/>
      <c r="J1221" s="2"/>
      <c r="K1221" s="2"/>
      <c r="L1221" s="2"/>
      <c r="M1221" s="2"/>
      <c r="N1221" s="2"/>
      <c r="O1221" s="2"/>
      <c r="P1221" s="2"/>
      <c r="Q1221" s="2"/>
      <c r="R1221" s="2"/>
      <c r="S1221" s="2"/>
      <c r="T1221" s="2"/>
      <c r="U1221" s="2"/>
      <c r="V1221" s="2"/>
      <c r="W1221" s="2"/>
      <c r="X1221" s="2"/>
      <c r="Y1221" s="2"/>
      <c r="Z1221" s="2"/>
      <c r="AA1221" s="2"/>
      <c r="AB1221" s="2"/>
      <c r="AC1221" s="2"/>
      <c r="AD1221" s="2"/>
      <c r="AE1221" s="2"/>
      <c r="AF1221" s="2"/>
      <c r="AG1221" s="2"/>
      <c r="AH1221" s="2"/>
      <c r="AI1221" s="2"/>
      <c r="AJ1221" s="2"/>
      <c r="AK1221" s="2"/>
      <c r="AL1221" s="2"/>
      <c r="AM1221" s="2"/>
      <c r="AN1221" s="2"/>
      <c r="AO1221" s="2"/>
      <c r="AP1221" s="2"/>
      <c r="AQ1221" s="2"/>
      <c r="AR1221" s="2"/>
      <c r="AS1221" s="2"/>
      <c r="AT1221" s="2"/>
    </row>
    <row r="1222" spans="1:46" s="3" customFormat="1" ht="13.5" customHeight="1" x14ac:dyDescent="0.15">
      <c r="A1222" s="3">
        <v>1221</v>
      </c>
      <c r="B1222" s="26" t="s">
        <v>1051</v>
      </c>
      <c r="C1222" s="27" t="s">
        <v>818</v>
      </c>
      <c r="D1222" s="28">
        <v>671</v>
      </c>
      <c r="E1222" s="29" t="s">
        <v>375</v>
      </c>
      <c r="F1222" s="29" t="s">
        <v>1942</v>
      </c>
      <c r="G1222" s="27">
        <v>3</v>
      </c>
      <c r="H1222" s="2"/>
      <c r="I1222" s="2"/>
      <c r="J1222" s="2"/>
      <c r="K1222" s="2"/>
      <c r="L1222" s="2"/>
      <c r="M1222" s="2"/>
      <c r="N1222" s="2"/>
      <c r="O1222" s="2"/>
      <c r="P1222" s="2"/>
      <c r="Q1222" s="2"/>
      <c r="R1222" s="2"/>
      <c r="S1222" s="2"/>
      <c r="T1222" s="2"/>
      <c r="U1222" s="2"/>
      <c r="V1222" s="2"/>
      <c r="W1222" s="2"/>
      <c r="X1222" s="2"/>
      <c r="Y1222" s="2"/>
      <c r="Z1222" s="2"/>
      <c r="AA1222" s="2"/>
      <c r="AB1222" s="2"/>
      <c r="AC1222" s="2"/>
      <c r="AD1222" s="2"/>
      <c r="AE1222" s="2"/>
      <c r="AF1222" s="2"/>
      <c r="AG1222" s="2"/>
      <c r="AH1222" s="2"/>
      <c r="AI1222" s="2"/>
      <c r="AJ1222" s="2"/>
      <c r="AK1222" s="2"/>
      <c r="AL1222" s="2"/>
      <c r="AM1222" s="2"/>
      <c r="AN1222" s="2"/>
      <c r="AO1222" s="2"/>
      <c r="AP1222" s="2"/>
      <c r="AQ1222" s="2"/>
      <c r="AR1222" s="2"/>
      <c r="AS1222" s="2"/>
      <c r="AT1222" s="2"/>
    </row>
    <row r="1223" spans="1:46" s="3" customFormat="1" ht="13.5" customHeight="1" x14ac:dyDescent="0.15">
      <c r="A1223" s="3">
        <v>1222</v>
      </c>
      <c r="B1223" s="26" t="s">
        <v>1051</v>
      </c>
      <c r="C1223" s="27" t="s">
        <v>818</v>
      </c>
      <c r="D1223" s="28">
        <v>681</v>
      </c>
      <c r="E1223" s="29" t="s">
        <v>1666</v>
      </c>
      <c r="F1223" s="29" t="s">
        <v>261</v>
      </c>
      <c r="G1223" s="27">
        <v>3</v>
      </c>
      <c r="H1223" s="2"/>
      <c r="I1223" s="2"/>
      <c r="J1223" s="2"/>
      <c r="K1223" s="2"/>
      <c r="L1223" s="2"/>
      <c r="M1223" s="2"/>
      <c r="N1223" s="2"/>
      <c r="O1223" s="2"/>
      <c r="P1223" s="2"/>
      <c r="Q1223" s="2"/>
      <c r="R1223" s="2"/>
      <c r="S1223" s="2"/>
      <c r="T1223" s="2"/>
      <c r="U1223" s="2"/>
      <c r="V1223" s="2"/>
      <c r="W1223" s="2"/>
      <c r="X1223" s="2"/>
      <c r="Y1223" s="2"/>
      <c r="Z1223" s="2"/>
      <c r="AA1223" s="2"/>
      <c r="AB1223" s="2"/>
      <c r="AC1223" s="2"/>
      <c r="AD1223" s="2"/>
      <c r="AE1223" s="2"/>
      <c r="AF1223" s="2"/>
      <c r="AG1223" s="2"/>
      <c r="AH1223" s="2"/>
      <c r="AI1223" s="2"/>
      <c r="AJ1223" s="2"/>
      <c r="AK1223" s="2"/>
      <c r="AL1223" s="2"/>
      <c r="AM1223" s="2"/>
      <c r="AN1223" s="2"/>
      <c r="AO1223" s="2"/>
      <c r="AP1223" s="2"/>
      <c r="AQ1223" s="2"/>
      <c r="AR1223" s="2"/>
      <c r="AS1223" s="2"/>
      <c r="AT1223" s="2"/>
    </row>
    <row r="1224" spans="1:46" s="3" customFormat="1" ht="13.5" customHeight="1" x14ac:dyDescent="0.15">
      <c r="A1224" s="3">
        <v>1223</v>
      </c>
      <c r="B1224" s="26" t="s">
        <v>1051</v>
      </c>
      <c r="C1224" s="27" t="s">
        <v>818</v>
      </c>
      <c r="D1224" s="28">
        <v>691</v>
      </c>
      <c r="E1224" s="29" t="s">
        <v>1933</v>
      </c>
      <c r="F1224" s="29" t="s">
        <v>774</v>
      </c>
      <c r="G1224" s="27">
        <v>6</v>
      </c>
      <c r="H1224" s="2"/>
      <c r="I1224" s="2"/>
      <c r="J1224" s="2"/>
      <c r="K1224" s="2"/>
      <c r="L1224" s="2"/>
      <c r="M1224" s="2"/>
      <c r="N1224" s="2"/>
      <c r="O1224" s="2"/>
      <c r="P1224" s="2"/>
      <c r="Q1224" s="2"/>
      <c r="R1224" s="2"/>
      <c r="S1224" s="2"/>
      <c r="T1224" s="2"/>
      <c r="U1224" s="2"/>
      <c r="V1224" s="2"/>
      <c r="W1224" s="2"/>
      <c r="X1224" s="2"/>
      <c r="Y1224" s="2"/>
      <c r="Z1224" s="2"/>
      <c r="AA1224" s="2"/>
      <c r="AB1224" s="2"/>
      <c r="AC1224" s="2"/>
      <c r="AD1224" s="2"/>
      <c r="AE1224" s="2"/>
      <c r="AF1224" s="2"/>
      <c r="AG1224" s="2"/>
      <c r="AH1224" s="2"/>
      <c r="AI1224" s="2"/>
      <c r="AJ1224" s="2"/>
      <c r="AK1224" s="2"/>
      <c r="AL1224" s="2"/>
      <c r="AM1224" s="2"/>
      <c r="AN1224" s="2"/>
      <c r="AO1224" s="2"/>
      <c r="AP1224" s="2"/>
      <c r="AQ1224" s="2"/>
      <c r="AR1224" s="2"/>
      <c r="AS1224" s="2"/>
      <c r="AT1224" s="2"/>
    </row>
    <row r="1225" spans="1:46" s="3" customFormat="1" ht="13.5" customHeight="1" x14ac:dyDescent="0.15">
      <c r="A1225" s="3">
        <v>1224</v>
      </c>
      <c r="B1225" s="30" t="s">
        <v>613</v>
      </c>
      <c r="C1225" s="27" t="s">
        <v>818</v>
      </c>
      <c r="D1225" s="31">
        <v>4570</v>
      </c>
      <c r="E1225" s="32" t="s">
        <v>847</v>
      </c>
      <c r="F1225" s="32" t="s">
        <v>1877</v>
      </c>
      <c r="G1225" s="27">
        <v>6</v>
      </c>
    </row>
    <row r="1226" spans="1:46" s="3" customFormat="1" ht="13.5" customHeight="1" x14ac:dyDescent="0.15">
      <c r="A1226" s="3">
        <v>1225</v>
      </c>
      <c r="B1226" s="30" t="s">
        <v>613</v>
      </c>
      <c r="C1226" s="27" t="s">
        <v>818</v>
      </c>
      <c r="D1226" s="31">
        <v>4780</v>
      </c>
      <c r="E1226" s="32" t="s">
        <v>1211</v>
      </c>
      <c r="F1226" s="32" t="s">
        <v>1088</v>
      </c>
      <c r="G1226" s="27">
        <v>9</v>
      </c>
    </row>
    <row r="1227" spans="1:46" s="3" customFormat="1" ht="13.5" customHeight="1" x14ac:dyDescent="0.15">
      <c r="A1227" s="3">
        <v>1226</v>
      </c>
      <c r="B1227" s="30" t="s">
        <v>613</v>
      </c>
      <c r="C1227" s="27" t="s">
        <v>1459</v>
      </c>
      <c r="D1227" s="31">
        <v>5020</v>
      </c>
      <c r="E1227" s="32" t="s">
        <v>973</v>
      </c>
      <c r="F1227" s="32" t="s">
        <v>1532</v>
      </c>
      <c r="G1227" s="27">
        <v>8</v>
      </c>
    </row>
    <row r="1228" spans="1:46" s="3" customFormat="1" ht="13.5" customHeight="1" x14ac:dyDescent="0.15">
      <c r="A1228" s="3">
        <v>1227</v>
      </c>
      <c r="B1228" s="30" t="s">
        <v>613</v>
      </c>
      <c r="C1228" s="27" t="s">
        <v>818</v>
      </c>
      <c r="D1228" s="31">
        <v>5560</v>
      </c>
      <c r="E1228" s="32" t="s">
        <v>909</v>
      </c>
      <c r="F1228" s="32" t="s">
        <v>2567</v>
      </c>
      <c r="G1228" s="27">
        <v>9</v>
      </c>
    </row>
    <row r="1229" spans="1:46" s="3" customFormat="1" ht="13.5" customHeight="1" x14ac:dyDescent="0.15">
      <c r="A1229" s="3">
        <v>1228</v>
      </c>
      <c r="B1229" s="30" t="s">
        <v>613</v>
      </c>
      <c r="C1229" s="27" t="s">
        <v>818</v>
      </c>
      <c r="D1229" s="31">
        <v>5620</v>
      </c>
      <c r="E1229" s="32" t="s">
        <v>2619</v>
      </c>
      <c r="F1229" s="32" t="s">
        <v>751</v>
      </c>
      <c r="G1229" s="27">
        <v>12</v>
      </c>
    </row>
    <row r="1230" spans="1:46" s="3" customFormat="1" ht="13.5" customHeight="1" x14ac:dyDescent="0.15">
      <c r="A1230" s="3">
        <v>1229</v>
      </c>
      <c r="B1230" s="30" t="s">
        <v>613</v>
      </c>
      <c r="C1230" s="27" t="s">
        <v>818</v>
      </c>
      <c r="D1230" s="31">
        <v>6750</v>
      </c>
      <c r="E1230" s="32" t="s">
        <v>1131</v>
      </c>
      <c r="F1230" s="32" t="s">
        <v>366</v>
      </c>
      <c r="G1230" s="27">
        <v>12</v>
      </c>
      <c r="H1230" s="2"/>
      <c r="I1230" s="2"/>
      <c r="J1230" s="2"/>
      <c r="K1230" s="2"/>
      <c r="L1230" s="2"/>
      <c r="M1230" s="2"/>
      <c r="N1230" s="2"/>
      <c r="O1230" s="2"/>
      <c r="P1230" s="2"/>
      <c r="Q1230" s="2"/>
      <c r="R1230" s="2"/>
      <c r="S1230" s="2"/>
      <c r="T1230" s="2"/>
      <c r="U1230" s="2"/>
      <c r="V1230" s="2"/>
      <c r="W1230" s="2"/>
      <c r="X1230" s="2"/>
      <c r="Y1230" s="2"/>
      <c r="Z1230" s="2"/>
      <c r="AA1230" s="2"/>
      <c r="AB1230" s="2"/>
      <c r="AC1230" s="2"/>
      <c r="AD1230" s="2"/>
      <c r="AE1230" s="2"/>
      <c r="AF1230" s="2"/>
      <c r="AG1230" s="2"/>
      <c r="AH1230" s="2"/>
      <c r="AI1230" s="2"/>
      <c r="AJ1230" s="2"/>
      <c r="AK1230" s="2"/>
      <c r="AL1230" s="2"/>
      <c r="AM1230" s="2"/>
      <c r="AN1230" s="2"/>
      <c r="AO1230" s="2"/>
      <c r="AP1230" s="2"/>
      <c r="AQ1230" s="2"/>
      <c r="AR1230" s="2"/>
      <c r="AS1230" s="2"/>
      <c r="AT1230" s="2"/>
    </row>
    <row r="1231" spans="1:46" s="3" customFormat="1" ht="13.5" customHeight="1" x14ac:dyDescent="0.15">
      <c r="A1231" s="3">
        <v>1230</v>
      </c>
      <c r="B1231" s="30" t="s">
        <v>613</v>
      </c>
      <c r="C1231" s="27" t="s">
        <v>818</v>
      </c>
      <c r="D1231" s="31">
        <v>8500</v>
      </c>
      <c r="E1231" s="32" t="s">
        <v>1697</v>
      </c>
      <c r="F1231" s="32" t="s">
        <v>1533</v>
      </c>
      <c r="G1231" s="27">
        <v>3</v>
      </c>
    </row>
    <row r="1232" spans="1:46" s="3" customFormat="1" ht="13.5" customHeight="1" x14ac:dyDescent="0.15">
      <c r="A1232" s="3">
        <v>1231</v>
      </c>
      <c r="B1232" s="30" t="s">
        <v>613</v>
      </c>
      <c r="C1232" s="27" t="s">
        <v>818</v>
      </c>
      <c r="D1232" s="31">
        <v>8650</v>
      </c>
      <c r="E1232" s="32" t="s">
        <v>1717</v>
      </c>
      <c r="F1232" s="32" t="s">
        <v>2007</v>
      </c>
      <c r="G1232" s="27">
        <v>6</v>
      </c>
    </row>
    <row r="1233" spans="1:7" s="3" customFormat="1" ht="13.5" customHeight="1" x14ac:dyDescent="0.15">
      <c r="A1233" s="3">
        <v>1232</v>
      </c>
      <c r="B1233" s="30" t="s">
        <v>613</v>
      </c>
      <c r="C1233" s="27" t="s">
        <v>818</v>
      </c>
      <c r="D1233" s="31">
        <v>8950</v>
      </c>
      <c r="E1233" s="32" t="s">
        <v>250</v>
      </c>
      <c r="F1233" s="32" t="s">
        <v>364</v>
      </c>
      <c r="G1233" s="27">
        <v>6</v>
      </c>
    </row>
    <row r="1234" spans="1:7" s="3" customFormat="1" ht="13.5" customHeight="1" x14ac:dyDescent="0.15">
      <c r="A1234" s="3">
        <v>1233</v>
      </c>
      <c r="B1234" s="30" t="s">
        <v>613</v>
      </c>
      <c r="C1234" s="27" t="s">
        <v>818</v>
      </c>
      <c r="D1234" s="31">
        <v>9010</v>
      </c>
      <c r="E1234" s="32" t="s">
        <v>1651</v>
      </c>
      <c r="F1234" s="32" t="s">
        <v>1885</v>
      </c>
      <c r="G1234" s="27">
        <v>6</v>
      </c>
    </row>
    <row r="1235" spans="1:7" s="3" customFormat="1" ht="13.5" customHeight="1" x14ac:dyDescent="0.15">
      <c r="A1235" s="3">
        <v>1234</v>
      </c>
      <c r="B1235" s="30" t="s">
        <v>613</v>
      </c>
      <c r="C1235" s="27" t="s">
        <v>1459</v>
      </c>
      <c r="D1235" s="28">
        <v>9210</v>
      </c>
      <c r="E1235" s="32" t="s">
        <v>965</v>
      </c>
      <c r="F1235" s="32" t="s">
        <v>361</v>
      </c>
      <c r="G1235" s="27">
        <v>5</v>
      </c>
    </row>
    <row r="1236" spans="1:7" s="3" customFormat="1" ht="13.5" customHeight="1" x14ac:dyDescent="0.15">
      <c r="A1236" s="3">
        <v>1235</v>
      </c>
      <c r="B1236" s="30" t="s">
        <v>613</v>
      </c>
      <c r="C1236" s="27" t="s">
        <v>818</v>
      </c>
      <c r="D1236" s="31">
        <v>9220</v>
      </c>
      <c r="E1236" s="32" t="s">
        <v>2420</v>
      </c>
      <c r="F1236" s="32" t="s">
        <v>367</v>
      </c>
      <c r="G1236" s="27">
        <v>12</v>
      </c>
    </row>
    <row r="1237" spans="1:7" s="3" customFormat="1" ht="13.5" customHeight="1" x14ac:dyDescent="0.15">
      <c r="A1237" s="3">
        <v>1236</v>
      </c>
      <c r="B1237" s="30" t="s">
        <v>613</v>
      </c>
      <c r="C1237" s="27" t="s">
        <v>818</v>
      </c>
      <c r="D1237" s="31">
        <v>9580</v>
      </c>
      <c r="E1237" s="32" t="s">
        <v>276</v>
      </c>
      <c r="F1237" s="32" t="s">
        <v>1883</v>
      </c>
      <c r="G1237" s="27">
        <v>2</v>
      </c>
    </row>
    <row r="1238" spans="1:7" s="3" customFormat="1" ht="13.5" customHeight="1" x14ac:dyDescent="0.15">
      <c r="A1238" s="3">
        <v>1237</v>
      </c>
      <c r="B1238" s="30" t="s">
        <v>613</v>
      </c>
      <c r="C1238" s="27" t="s">
        <v>818</v>
      </c>
      <c r="D1238" s="31">
        <v>10100</v>
      </c>
      <c r="E1238" s="32" t="s">
        <v>1140</v>
      </c>
      <c r="F1238" s="32" t="s">
        <v>2009</v>
      </c>
      <c r="G1238" s="27">
        <v>12</v>
      </c>
    </row>
    <row r="1239" spans="1:7" s="3" customFormat="1" ht="13.5" customHeight="1" x14ac:dyDescent="0.15">
      <c r="A1239" s="3">
        <v>1238</v>
      </c>
      <c r="B1239" s="30" t="s">
        <v>613</v>
      </c>
      <c r="C1239" s="27" t="s">
        <v>818</v>
      </c>
      <c r="D1239" s="31">
        <v>10680</v>
      </c>
      <c r="E1239" s="32" t="s">
        <v>247</v>
      </c>
      <c r="F1239" s="32" t="s">
        <v>1886</v>
      </c>
      <c r="G1239" s="27">
        <v>9</v>
      </c>
    </row>
    <row r="1240" spans="1:7" s="3" customFormat="1" ht="13.5" customHeight="1" x14ac:dyDescent="0.15">
      <c r="A1240" s="3">
        <v>1239</v>
      </c>
      <c r="B1240" s="30" t="s">
        <v>613</v>
      </c>
      <c r="C1240" s="27" t="s">
        <v>818</v>
      </c>
      <c r="D1240" s="31">
        <v>10790</v>
      </c>
      <c r="E1240" s="32" t="s">
        <v>1786</v>
      </c>
      <c r="F1240" s="32" t="s">
        <v>2276</v>
      </c>
      <c r="G1240" s="27">
        <v>12</v>
      </c>
    </row>
    <row r="1241" spans="1:7" s="3" customFormat="1" ht="13.5" customHeight="1" x14ac:dyDescent="0.15">
      <c r="A1241" s="3">
        <v>1240</v>
      </c>
      <c r="B1241" s="30" t="s">
        <v>613</v>
      </c>
      <c r="C1241" s="27" t="s">
        <v>818</v>
      </c>
      <c r="D1241" s="31">
        <v>11000</v>
      </c>
      <c r="E1241" s="32" t="s">
        <v>1843</v>
      </c>
      <c r="F1241" s="32" t="s">
        <v>752</v>
      </c>
      <c r="G1241" s="27">
        <v>12</v>
      </c>
    </row>
    <row r="1242" spans="1:7" s="3" customFormat="1" ht="13.5" customHeight="1" x14ac:dyDescent="0.15">
      <c r="A1242" s="3">
        <v>1241</v>
      </c>
      <c r="B1242" s="30" t="s">
        <v>613</v>
      </c>
      <c r="C1242" s="27" t="s">
        <v>818</v>
      </c>
      <c r="D1242" s="31">
        <v>11720</v>
      </c>
      <c r="E1242" s="32" t="s">
        <v>842</v>
      </c>
      <c r="F1242" s="32" t="s">
        <v>750</v>
      </c>
      <c r="G1242" s="27">
        <v>4</v>
      </c>
    </row>
    <row r="1243" spans="1:7" s="3" customFormat="1" ht="13.5" customHeight="1" x14ac:dyDescent="0.15">
      <c r="A1243" s="3">
        <v>1242</v>
      </c>
      <c r="B1243" s="30" t="s">
        <v>613</v>
      </c>
      <c r="C1243" s="27" t="s">
        <v>818</v>
      </c>
      <c r="D1243" s="31">
        <v>12190</v>
      </c>
      <c r="E1243" s="32" t="s">
        <v>1339</v>
      </c>
      <c r="F1243" s="32" t="s">
        <v>749</v>
      </c>
      <c r="G1243" s="27">
        <v>6</v>
      </c>
    </row>
    <row r="1244" spans="1:7" s="3" customFormat="1" ht="13.5" customHeight="1" x14ac:dyDescent="0.15">
      <c r="A1244" s="3">
        <v>1243</v>
      </c>
      <c r="B1244" s="30" t="s">
        <v>613</v>
      </c>
      <c r="C1244" s="27" t="s">
        <v>818</v>
      </c>
      <c r="D1244" s="31">
        <v>14180</v>
      </c>
      <c r="E1244" s="32" t="s">
        <v>2409</v>
      </c>
      <c r="F1244" s="32" t="s">
        <v>2410</v>
      </c>
      <c r="G1244" s="27">
        <v>12</v>
      </c>
    </row>
    <row r="1245" spans="1:7" s="3" customFormat="1" ht="13.5" customHeight="1" x14ac:dyDescent="0.15">
      <c r="A1245" s="3">
        <v>1244</v>
      </c>
      <c r="B1245" s="30" t="s">
        <v>613</v>
      </c>
      <c r="C1245" s="27" t="s">
        <v>818</v>
      </c>
      <c r="D1245" s="31">
        <v>14500</v>
      </c>
      <c r="E1245" s="32" t="s">
        <v>482</v>
      </c>
      <c r="F1245" s="32" t="s">
        <v>362</v>
      </c>
      <c r="G1245" s="27">
        <v>6</v>
      </c>
    </row>
    <row r="1246" spans="1:7" s="3" customFormat="1" ht="13.5" customHeight="1" x14ac:dyDescent="0.15">
      <c r="A1246" s="3">
        <v>1245</v>
      </c>
      <c r="B1246" s="30" t="s">
        <v>613</v>
      </c>
      <c r="C1246" s="27" t="s">
        <v>818</v>
      </c>
      <c r="D1246" s="31">
        <v>14610</v>
      </c>
      <c r="E1246" s="32" t="s">
        <v>2572</v>
      </c>
      <c r="F1246" s="32" t="s">
        <v>1884</v>
      </c>
      <c r="G1246" s="27">
        <v>12</v>
      </c>
    </row>
    <row r="1247" spans="1:7" s="3" customFormat="1" ht="13.5" customHeight="1" x14ac:dyDescent="0.15">
      <c r="A1247" s="3">
        <v>1246</v>
      </c>
      <c r="B1247" s="30" t="s">
        <v>613</v>
      </c>
      <c r="C1247" s="27" t="s">
        <v>818</v>
      </c>
      <c r="D1247" s="31">
        <v>14650</v>
      </c>
      <c r="E1247" s="32" t="s">
        <v>1654</v>
      </c>
      <c r="F1247" s="32" t="s">
        <v>365</v>
      </c>
      <c r="G1247" s="27">
        <v>9</v>
      </c>
    </row>
    <row r="1248" spans="1:7" ht="13.5" customHeight="1" x14ac:dyDescent="0.15">
      <c r="A1248" s="3">
        <v>1247</v>
      </c>
      <c r="B1248" s="30" t="s">
        <v>613</v>
      </c>
      <c r="C1248" s="27" t="s">
        <v>818</v>
      </c>
      <c r="D1248" s="31">
        <v>15080</v>
      </c>
      <c r="E1248" s="32" t="s">
        <v>2170</v>
      </c>
      <c r="F1248" s="32" t="s">
        <v>2932</v>
      </c>
      <c r="G1248" s="27">
        <v>12</v>
      </c>
    </row>
    <row r="1249" spans="1:46" s="3" customFormat="1" ht="13.5" customHeight="1" x14ac:dyDescent="0.15">
      <c r="A1249" s="3">
        <v>1248</v>
      </c>
      <c r="B1249" s="30" t="s">
        <v>613</v>
      </c>
      <c r="C1249" s="27" t="s">
        <v>693</v>
      </c>
      <c r="D1249" s="34">
        <v>16850</v>
      </c>
      <c r="E1249" s="32" t="s">
        <v>2995</v>
      </c>
      <c r="F1249" s="32" t="s">
        <v>1849</v>
      </c>
      <c r="G1249" s="27">
        <v>12</v>
      </c>
    </row>
    <row r="1250" spans="1:46" s="3" customFormat="1" ht="13.5" customHeight="1" x14ac:dyDescent="0.15">
      <c r="A1250" s="3">
        <v>1249</v>
      </c>
      <c r="B1250" s="30" t="s">
        <v>613</v>
      </c>
      <c r="C1250" s="27" t="s">
        <v>818</v>
      </c>
      <c r="D1250" s="31">
        <v>16960</v>
      </c>
      <c r="E1250" s="32" t="s">
        <v>1215</v>
      </c>
      <c r="F1250" s="32" t="s">
        <v>2274</v>
      </c>
      <c r="G1250" s="27">
        <v>3</v>
      </c>
    </row>
    <row r="1251" spans="1:46" s="3" customFormat="1" ht="13.5" customHeight="1" x14ac:dyDescent="0.15">
      <c r="A1251" s="3">
        <v>1250</v>
      </c>
      <c r="B1251" s="30" t="s">
        <v>613</v>
      </c>
      <c r="C1251" s="27" t="s">
        <v>818</v>
      </c>
      <c r="D1251" s="31">
        <v>19230</v>
      </c>
      <c r="E1251" s="32" t="s">
        <v>2104</v>
      </c>
      <c r="F1251" s="32" t="s">
        <v>457</v>
      </c>
      <c r="G1251" s="27">
        <v>4</v>
      </c>
    </row>
    <row r="1252" spans="1:46" s="3" customFormat="1" ht="13.5" customHeight="1" x14ac:dyDescent="0.15">
      <c r="A1252" s="3">
        <v>1251</v>
      </c>
      <c r="B1252" s="30" t="s">
        <v>613</v>
      </c>
      <c r="C1252" s="27" t="s">
        <v>818</v>
      </c>
      <c r="D1252" s="31">
        <v>20240</v>
      </c>
      <c r="E1252" s="32" t="s">
        <v>1682</v>
      </c>
      <c r="F1252" s="32" t="s">
        <v>753</v>
      </c>
      <c r="G1252" s="27">
        <v>6</v>
      </c>
    </row>
    <row r="1253" spans="1:46" s="3" customFormat="1" ht="13.5" customHeight="1" x14ac:dyDescent="0.15">
      <c r="A1253" s="3">
        <v>1252</v>
      </c>
      <c r="B1253" s="30" t="s">
        <v>613</v>
      </c>
      <c r="C1253" s="27" t="s">
        <v>818</v>
      </c>
      <c r="D1253" s="31">
        <v>21030</v>
      </c>
      <c r="E1253" s="32" t="s">
        <v>1657</v>
      </c>
      <c r="F1253" s="32" t="s">
        <v>456</v>
      </c>
      <c r="G1253" s="27">
        <v>8</v>
      </c>
    </row>
    <row r="1254" spans="1:46" s="3" customFormat="1" ht="13.5" customHeight="1" x14ac:dyDescent="0.15">
      <c r="A1254" s="3">
        <v>1253</v>
      </c>
      <c r="B1254" s="30" t="s">
        <v>613</v>
      </c>
      <c r="C1254" s="27" t="s">
        <v>818</v>
      </c>
      <c r="D1254" s="31">
        <v>22020</v>
      </c>
      <c r="E1254" s="32" t="s">
        <v>738</v>
      </c>
      <c r="F1254" s="32" t="s">
        <v>213</v>
      </c>
      <c r="G1254" s="27">
        <v>8</v>
      </c>
    </row>
    <row r="1255" spans="1:46" s="3" customFormat="1" ht="13.5" customHeight="1" x14ac:dyDescent="0.15">
      <c r="A1255" s="3">
        <v>1254</v>
      </c>
      <c r="B1255" s="30" t="s">
        <v>613</v>
      </c>
      <c r="C1255" s="27" t="s">
        <v>818</v>
      </c>
      <c r="D1255" s="31">
        <v>24220</v>
      </c>
      <c r="E1255" s="32" t="s">
        <v>2085</v>
      </c>
      <c r="F1255" s="32" t="s">
        <v>2006</v>
      </c>
      <c r="G1255" s="27">
        <v>6</v>
      </c>
    </row>
    <row r="1256" spans="1:46" s="3" customFormat="1" ht="13.5" customHeight="1" x14ac:dyDescent="0.15">
      <c r="A1256" s="3">
        <v>1255</v>
      </c>
      <c r="B1256" s="30" t="s">
        <v>613</v>
      </c>
      <c r="C1256" s="27" t="s">
        <v>818</v>
      </c>
      <c r="D1256" s="31">
        <v>25110</v>
      </c>
      <c r="E1256" s="32" t="s">
        <v>1474</v>
      </c>
      <c r="F1256" s="32" t="s">
        <v>2736</v>
      </c>
      <c r="G1256" s="27">
        <v>3</v>
      </c>
    </row>
    <row r="1257" spans="1:46" s="3" customFormat="1" ht="13.5" customHeight="1" x14ac:dyDescent="0.15">
      <c r="A1257" s="3">
        <v>1256</v>
      </c>
      <c r="B1257" s="30" t="s">
        <v>613</v>
      </c>
      <c r="C1257" s="27" t="s">
        <v>818</v>
      </c>
      <c r="D1257" s="31">
        <v>25220</v>
      </c>
      <c r="E1257" s="32" t="s">
        <v>374</v>
      </c>
      <c r="F1257" s="32" t="s">
        <v>1875</v>
      </c>
      <c r="G1257" s="27">
        <v>7</v>
      </c>
    </row>
    <row r="1258" spans="1:46" s="3" customFormat="1" ht="13.5" customHeight="1" x14ac:dyDescent="0.15">
      <c r="A1258" s="3">
        <v>1257</v>
      </c>
      <c r="B1258" s="30" t="s">
        <v>613</v>
      </c>
      <c r="C1258" s="27" t="s">
        <v>818</v>
      </c>
      <c r="D1258" s="31">
        <v>26500</v>
      </c>
      <c r="E1258" s="32" t="s">
        <v>940</v>
      </c>
      <c r="F1258" s="32" t="s">
        <v>1029</v>
      </c>
      <c r="G1258" s="27">
        <v>6</v>
      </c>
    </row>
    <row r="1259" spans="1:46" s="3" customFormat="1" ht="13.5" customHeight="1" x14ac:dyDescent="0.15">
      <c r="A1259" s="3">
        <v>1258</v>
      </c>
      <c r="B1259" s="30" t="s">
        <v>613</v>
      </c>
      <c r="C1259" s="27" t="s">
        <v>818</v>
      </c>
      <c r="D1259" s="31">
        <v>27780</v>
      </c>
      <c r="E1259" s="32" t="s">
        <v>2614</v>
      </c>
      <c r="F1259" s="32" t="s">
        <v>1876</v>
      </c>
      <c r="G1259" s="27">
        <v>6</v>
      </c>
    </row>
    <row r="1260" spans="1:46" s="3" customFormat="1" ht="13.5" customHeight="1" x14ac:dyDescent="0.15">
      <c r="A1260" s="3">
        <v>1259</v>
      </c>
      <c r="B1260" s="30" t="s">
        <v>613</v>
      </c>
      <c r="C1260" s="27" t="s">
        <v>818</v>
      </c>
      <c r="D1260" s="31">
        <v>27960</v>
      </c>
      <c r="E1260" s="32" t="s">
        <v>778</v>
      </c>
      <c r="F1260" s="32" t="s">
        <v>1876</v>
      </c>
      <c r="G1260" s="27">
        <v>6</v>
      </c>
    </row>
    <row r="1261" spans="1:46" s="3" customFormat="1" ht="13.5" customHeight="1" x14ac:dyDescent="0.15">
      <c r="A1261" s="3">
        <v>1260</v>
      </c>
      <c r="B1261" s="30" t="s">
        <v>613</v>
      </c>
      <c r="C1261" s="27" t="s">
        <v>818</v>
      </c>
      <c r="D1261" s="31">
        <v>28270</v>
      </c>
      <c r="E1261" s="32" t="s">
        <v>2107</v>
      </c>
      <c r="F1261" s="32" t="s">
        <v>40</v>
      </c>
      <c r="G1261" s="27">
        <v>12</v>
      </c>
    </row>
    <row r="1262" spans="1:46" s="3" customFormat="1" ht="13.5" customHeight="1" x14ac:dyDescent="0.15">
      <c r="A1262" s="3">
        <v>1261</v>
      </c>
      <c r="B1262" s="30" t="s">
        <v>613</v>
      </c>
      <c r="C1262" s="27" t="s">
        <v>818</v>
      </c>
      <c r="D1262" s="31">
        <v>28680</v>
      </c>
      <c r="E1262" s="32" t="s">
        <v>1100</v>
      </c>
      <c r="F1262" s="32" t="s">
        <v>1035</v>
      </c>
      <c r="G1262" s="27">
        <v>12</v>
      </c>
      <c r="H1262" s="2">
        <v>1</v>
      </c>
      <c r="I1262" s="2"/>
      <c r="J1262" s="2"/>
      <c r="K1262" s="2"/>
      <c r="L1262" s="2"/>
      <c r="M1262" s="2"/>
      <c r="N1262" s="2"/>
      <c r="O1262" s="2"/>
      <c r="P1262" s="2"/>
      <c r="Q1262" s="2"/>
      <c r="R1262" s="2"/>
      <c r="S1262" s="2"/>
      <c r="T1262" s="2"/>
      <c r="U1262" s="2"/>
      <c r="V1262" s="2"/>
      <c r="W1262" s="2"/>
      <c r="X1262" s="2"/>
      <c r="Y1262" s="2"/>
      <c r="Z1262" s="2"/>
      <c r="AA1262" s="2"/>
      <c r="AB1262" s="2"/>
      <c r="AC1262" s="2"/>
      <c r="AD1262" s="2"/>
      <c r="AE1262" s="2"/>
      <c r="AF1262" s="2"/>
      <c r="AG1262" s="2"/>
      <c r="AH1262" s="2"/>
      <c r="AI1262" s="2"/>
      <c r="AJ1262" s="2"/>
      <c r="AK1262" s="2"/>
      <c r="AL1262" s="2"/>
      <c r="AM1262" s="2"/>
      <c r="AN1262" s="2"/>
      <c r="AO1262" s="2"/>
      <c r="AP1262" s="2"/>
      <c r="AQ1262" s="2"/>
      <c r="AR1262" s="2"/>
      <c r="AS1262" s="2"/>
      <c r="AT1262" s="2"/>
    </row>
    <row r="1263" spans="1:46" s="3" customFormat="1" ht="13.5" customHeight="1" x14ac:dyDescent="0.15">
      <c r="A1263" s="3">
        <v>1262</v>
      </c>
      <c r="B1263" s="30" t="s">
        <v>613</v>
      </c>
      <c r="C1263" s="27" t="s">
        <v>818</v>
      </c>
      <c r="D1263" s="31">
        <v>30920</v>
      </c>
      <c r="E1263" s="32" t="s">
        <v>2573</v>
      </c>
      <c r="F1263" s="32" t="s">
        <v>2566</v>
      </c>
      <c r="G1263" s="27">
        <v>5</v>
      </c>
      <c r="H1263" s="2"/>
      <c r="I1263" s="2"/>
      <c r="J1263" s="2"/>
      <c r="K1263" s="2"/>
      <c r="L1263" s="2"/>
      <c r="M1263" s="2"/>
      <c r="N1263" s="2"/>
      <c r="O1263" s="2"/>
      <c r="P1263" s="2"/>
      <c r="Q1263" s="2"/>
      <c r="R1263" s="2"/>
      <c r="S1263" s="2"/>
      <c r="T1263" s="2"/>
      <c r="U1263" s="2"/>
      <c r="V1263" s="2"/>
      <c r="W1263" s="2"/>
      <c r="X1263" s="2"/>
      <c r="Y1263" s="2"/>
      <c r="Z1263" s="2"/>
      <c r="AA1263" s="2"/>
      <c r="AB1263" s="2"/>
      <c r="AC1263" s="2"/>
      <c r="AD1263" s="2"/>
      <c r="AE1263" s="2"/>
      <c r="AF1263" s="2"/>
      <c r="AG1263" s="2"/>
      <c r="AH1263" s="2"/>
      <c r="AI1263" s="2"/>
      <c r="AJ1263" s="2"/>
      <c r="AK1263" s="2"/>
      <c r="AL1263" s="2"/>
      <c r="AM1263" s="2"/>
      <c r="AN1263" s="2"/>
      <c r="AO1263" s="2"/>
      <c r="AP1263" s="2"/>
      <c r="AQ1263" s="2"/>
      <c r="AR1263" s="2"/>
      <c r="AS1263" s="2"/>
      <c r="AT1263" s="2"/>
    </row>
    <row r="1264" spans="1:46" s="3" customFormat="1" ht="13.5" customHeight="1" x14ac:dyDescent="0.15">
      <c r="A1264" s="3">
        <v>1263</v>
      </c>
      <c r="B1264" s="30" t="s">
        <v>613</v>
      </c>
      <c r="C1264" s="27" t="s">
        <v>818</v>
      </c>
      <c r="D1264" s="31">
        <v>30930</v>
      </c>
      <c r="E1264" s="32" t="s">
        <v>1638</v>
      </c>
      <c r="F1264" s="32" t="s">
        <v>2008</v>
      </c>
      <c r="G1264" s="27">
        <v>3</v>
      </c>
    </row>
    <row r="1265" spans="1:46" s="3" customFormat="1" ht="13.5" customHeight="1" x14ac:dyDescent="0.15">
      <c r="A1265" s="3">
        <v>1264</v>
      </c>
      <c r="B1265" s="30" t="s">
        <v>613</v>
      </c>
      <c r="C1265" s="27" t="s">
        <v>818</v>
      </c>
      <c r="D1265" s="31">
        <v>30940</v>
      </c>
      <c r="E1265" s="32" t="s">
        <v>440</v>
      </c>
      <c r="F1265" s="32" t="s">
        <v>1850</v>
      </c>
      <c r="G1265" s="27">
        <v>3</v>
      </c>
    </row>
    <row r="1266" spans="1:46" s="3" customFormat="1" ht="13.5" customHeight="1" x14ac:dyDescent="0.15">
      <c r="A1266" s="3">
        <v>1265</v>
      </c>
      <c r="B1266" s="30" t="s">
        <v>613</v>
      </c>
      <c r="C1266" s="27" t="s">
        <v>818</v>
      </c>
      <c r="D1266" s="31">
        <v>30950</v>
      </c>
      <c r="E1266" s="32" t="s">
        <v>441</v>
      </c>
      <c r="F1266" s="32" t="s">
        <v>211</v>
      </c>
      <c r="G1266" s="27">
        <v>3</v>
      </c>
    </row>
    <row r="1267" spans="1:46" s="3" customFormat="1" ht="13.5" customHeight="1" x14ac:dyDescent="0.15">
      <c r="A1267" s="3">
        <v>1266</v>
      </c>
      <c r="B1267" s="30" t="s">
        <v>613</v>
      </c>
      <c r="C1267" s="27" t="s">
        <v>818</v>
      </c>
      <c r="D1267" s="31">
        <v>31870</v>
      </c>
      <c r="E1267" s="32" t="s">
        <v>589</v>
      </c>
      <c r="F1267" s="32" t="s">
        <v>1635</v>
      </c>
      <c r="G1267" s="27">
        <v>6</v>
      </c>
    </row>
    <row r="1268" spans="1:46" s="3" customFormat="1" ht="13.5" customHeight="1" x14ac:dyDescent="0.15">
      <c r="A1268" s="3">
        <v>1267</v>
      </c>
      <c r="B1268" s="30" t="s">
        <v>613</v>
      </c>
      <c r="C1268" s="27" t="s">
        <v>818</v>
      </c>
      <c r="D1268" s="31">
        <v>31880</v>
      </c>
      <c r="E1268" s="32" t="s">
        <v>590</v>
      </c>
      <c r="F1268" s="32" t="s">
        <v>410</v>
      </c>
      <c r="G1268" s="27">
        <v>4</v>
      </c>
    </row>
    <row r="1269" spans="1:46" s="3" customFormat="1" ht="13.5" customHeight="1" x14ac:dyDescent="0.15">
      <c r="A1269" s="3">
        <v>1268</v>
      </c>
      <c r="B1269" s="30" t="s">
        <v>613</v>
      </c>
      <c r="C1269" s="27" t="s">
        <v>818</v>
      </c>
      <c r="D1269" s="31">
        <v>31890</v>
      </c>
      <c r="E1269" s="32" t="s">
        <v>591</v>
      </c>
      <c r="F1269" s="32" t="s">
        <v>1874</v>
      </c>
      <c r="G1269" s="27">
        <v>3</v>
      </c>
    </row>
    <row r="1270" spans="1:46" s="3" customFormat="1" ht="13.5" customHeight="1" x14ac:dyDescent="0.15">
      <c r="A1270" s="3">
        <v>1269</v>
      </c>
      <c r="B1270" s="30" t="s">
        <v>613</v>
      </c>
      <c r="C1270" s="27" t="s">
        <v>818</v>
      </c>
      <c r="D1270" s="31">
        <v>31910</v>
      </c>
      <c r="E1270" s="32" t="s">
        <v>1768</v>
      </c>
      <c r="F1270" s="32" t="s">
        <v>1598</v>
      </c>
      <c r="G1270" s="27">
        <v>9</v>
      </c>
    </row>
    <row r="1271" spans="1:46" s="3" customFormat="1" ht="13.5" customHeight="1" x14ac:dyDescent="0.15">
      <c r="A1271" s="3">
        <v>1270</v>
      </c>
      <c r="B1271" s="30" t="s">
        <v>613</v>
      </c>
      <c r="C1271" s="27" t="s">
        <v>818</v>
      </c>
      <c r="D1271" s="31">
        <v>31920</v>
      </c>
      <c r="E1271" s="32" t="s">
        <v>2999</v>
      </c>
      <c r="F1271" s="32" t="s">
        <v>2010</v>
      </c>
      <c r="G1271" s="27">
        <v>3</v>
      </c>
    </row>
    <row r="1272" spans="1:46" s="3" customFormat="1" ht="13.5" customHeight="1" x14ac:dyDescent="0.15">
      <c r="A1272" s="3">
        <v>1271</v>
      </c>
      <c r="B1272" s="30" t="s">
        <v>613</v>
      </c>
      <c r="C1272" s="27" t="s">
        <v>818</v>
      </c>
      <c r="D1272" s="31">
        <v>32830</v>
      </c>
      <c r="E1272" s="32" t="s">
        <v>872</v>
      </c>
      <c r="F1272" s="32" t="s">
        <v>2005</v>
      </c>
      <c r="G1272" s="27">
        <v>6</v>
      </c>
    </row>
    <row r="1273" spans="1:46" s="3" customFormat="1" ht="13.5" customHeight="1" x14ac:dyDescent="0.15">
      <c r="A1273" s="3">
        <v>1272</v>
      </c>
      <c r="B1273" s="30" t="s">
        <v>613</v>
      </c>
      <c r="C1273" s="27" t="s">
        <v>818</v>
      </c>
      <c r="D1273" s="31">
        <v>33360</v>
      </c>
      <c r="E1273" s="32" t="s">
        <v>1324</v>
      </c>
      <c r="F1273" s="32" t="s">
        <v>363</v>
      </c>
      <c r="G1273" s="27">
        <v>6</v>
      </c>
      <c r="H1273" s="2"/>
      <c r="I1273" s="2"/>
      <c r="J1273" s="2"/>
      <c r="K1273" s="2"/>
      <c r="L1273" s="2"/>
      <c r="M1273" s="2"/>
      <c r="N1273" s="2"/>
      <c r="O1273" s="2"/>
      <c r="P1273" s="2"/>
      <c r="Q1273" s="2"/>
      <c r="R1273" s="2"/>
      <c r="S1273" s="2"/>
      <c r="T1273" s="2"/>
      <c r="U1273" s="2"/>
      <c r="V1273" s="2"/>
      <c r="W1273" s="2"/>
      <c r="X1273" s="2"/>
      <c r="Y1273" s="2"/>
      <c r="Z1273" s="2"/>
      <c r="AA1273" s="2"/>
      <c r="AB1273" s="2"/>
      <c r="AC1273" s="2"/>
      <c r="AD1273" s="2"/>
      <c r="AE1273" s="2"/>
      <c r="AF1273" s="2"/>
      <c r="AG1273" s="2"/>
      <c r="AH1273" s="2"/>
      <c r="AI1273" s="2"/>
      <c r="AJ1273" s="2"/>
      <c r="AK1273" s="2"/>
      <c r="AL1273" s="2"/>
      <c r="AM1273" s="2"/>
      <c r="AN1273" s="2"/>
      <c r="AO1273" s="2"/>
      <c r="AP1273" s="2"/>
      <c r="AQ1273" s="2"/>
      <c r="AR1273" s="2"/>
      <c r="AS1273" s="2"/>
      <c r="AT1273" s="2"/>
    </row>
    <row r="1274" spans="1:46" s="3" customFormat="1" ht="13.5" customHeight="1" x14ac:dyDescent="0.15">
      <c r="A1274" s="3">
        <v>1273</v>
      </c>
      <c r="B1274" s="30" t="s">
        <v>613</v>
      </c>
      <c r="C1274" s="27" t="s">
        <v>818</v>
      </c>
      <c r="D1274" s="31">
        <v>33660</v>
      </c>
      <c r="E1274" s="32" t="s">
        <v>354</v>
      </c>
      <c r="F1274" s="32" t="s">
        <v>1778</v>
      </c>
      <c r="G1274" s="27">
        <v>12</v>
      </c>
    </row>
    <row r="1275" spans="1:46" s="3" customFormat="1" ht="13.5" customHeight="1" x14ac:dyDescent="0.15">
      <c r="A1275" s="3">
        <v>1274</v>
      </c>
      <c r="B1275" s="30" t="s">
        <v>613</v>
      </c>
      <c r="C1275" s="27" t="s">
        <v>818</v>
      </c>
      <c r="D1275" s="31">
        <v>34060</v>
      </c>
      <c r="E1275" s="32" t="s">
        <v>244</v>
      </c>
      <c r="F1275" s="32" t="s">
        <v>1887</v>
      </c>
      <c r="G1275" s="27">
        <v>11</v>
      </c>
    </row>
    <row r="1276" spans="1:46" s="3" customFormat="1" ht="13.5" customHeight="1" x14ac:dyDescent="0.15">
      <c r="A1276" s="3">
        <v>1275</v>
      </c>
      <c r="B1276" s="30" t="s">
        <v>613</v>
      </c>
      <c r="C1276" s="27" t="s">
        <v>818</v>
      </c>
      <c r="D1276" s="31">
        <v>34930</v>
      </c>
      <c r="E1276" s="32" t="s">
        <v>87</v>
      </c>
      <c r="F1276" s="32" t="s">
        <v>888</v>
      </c>
      <c r="G1276" s="27">
        <v>6</v>
      </c>
    </row>
    <row r="1277" spans="1:46" s="3" customFormat="1" ht="13.5" customHeight="1" x14ac:dyDescent="0.15">
      <c r="A1277" s="3">
        <v>1276</v>
      </c>
      <c r="B1277" s="30" t="s">
        <v>613</v>
      </c>
      <c r="C1277" s="27" t="s">
        <v>818</v>
      </c>
      <c r="D1277" s="31">
        <v>39120</v>
      </c>
      <c r="E1277" s="32" t="s">
        <v>3028</v>
      </c>
      <c r="F1277" s="32" t="s">
        <v>1181</v>
      </c>
      <c r="G1277" s="27">
        <v>7</v>
      </c>
    </row>
    <row r="1278" spans="1:46" s="3" customFormat="1" ht="13.5" customHeight="1" x14ac:dyDescent="0.15">
      <c r="A1278" s="3">
        <v>1277</v>
      </c>
      <c r="B1278" s="30" t="s">
        <v>613</v>
      </c>
      <c r="C1278" s="27" t="s">
        <v>818</v>
      </c>
      <c r="D1278" s="31">
        <v>39130</v>
      </c>
      <c r="E1278" s="32" t="s">
        <v>1345</v>
      </c>
      <c r="F1278" s="32" t="s">
        <v>692</v>
      </c>
      <c r="G1278" s="27">
        <v>6</v>
      </c>
    </row>
    <row r="1279" spans="1:46" s="3" customFormat="1" ht="13.5" customHeight="1" x14ac:dyDescent="0.15">
      <c r="A1279" s="3">
        <v>1278</v>
      </c>
      <c r="B1279" s="30" t="s">
        <v>613</v>
      </c>
      <c r="C1279" s="47" t="s">
        <v>693</v>
      </c>
      <c r="D1279" s="28">
        <v>41060</v>
      </c>
      <c r="E1279" s="29" t="s">
        <v>771</v>
      </c>
      <c r="F1279" s="32" t="s">
        <v>90</v>
      </c>
      <c r="G1279" s="27">
        <v>6</v>
      </c>
    </row>
    <row r="1280" spans="1:46" s="3" customFormat="1" ht="13.5" customHeight="1" x14ac:dyDescent="0.15">
      <c r="A1280" s="3">
        <v>1279</v>
      </c>
      <c r="B1280" s="30" t="s">
        <v>613</v>
      </c>
      <c r="C1280" s="35" t="s">
        <v>1459</v>
      </c>
      <c r="D1280" s="28">
        <v>41320</v>
      </c>
      <c r="E1280" s="36" t="s">
        <v>1120</v>
      </c>
      <c r="F1280" s="29" t="s">
        <v>2275</v>
      </c>
      <c r="G1280" s="27">
        <v>9</v>
      </c>
    </row>
    <row r="1281" spans="1:46" s="3" customFormat="1" ht="13.5" customHeight="1" x14ac:dyDescent="0.15">
      <c r="A1281" s="3">
        <v>1280</v>
      </c>
      <c r="B1281" s="30" t="s">
        <v>613</v>
      </c>
      <c r="C1281" s="35" t="s">
        <v>1459</v>
      </c>
      <c r="D1281" s="28">
        <v>41330</v>
      </c>
      <c r="E1281" s="36" t="s">
        <v>1968</v>
      </c>
      <c r="F1281" s="29" t="s">
        <v>1879</v>
      </c>
      <c r="G1281" s="27">
        <v>9</v>
      </c>
    </row>
    <row r="1282" spans="1:46" s="3" customFormat="1" ht="13.5" customHeight="1" x14ac:dyDescent="0.15">
      <c r="A1282" s="3">
        <v>1281</v>
      </c>
      <c r="B1282" s="30" t="s">
        <v>613</v>
      </c>
      <c r="C1282" s="27" t="s">
        <v>1459</v>
      </c>
      <c r="D1282" s="28">
        <v>41340</v>
      </c>
      <c r="E1282" s="38" t="s">
        <v>1343</v>
      </c>
      <c r="F1282" s="29" t="s">
        <v>2277</v>
      </c>
      <c r="G1282" s="27">
        <v>6</v>
      </c>
      <c r="H1282" s="9"/>
      <c r="I1282" s="9"/>
      <c r="J1282" s="9"/>
      <c r="K1282" s="9"/>
      <c r="L1282" s="9"/>
      <c r="M1282" s="9"/>
      <c r="N1282" s="9"/>
      <c r="O1282" s="9"/>
      <c r="P1282" s="9"/>
      <c r="Q1282" s="9"/>
      <c r="R1282" s="9"/>
      <c r="S1282" s="9"/>
      <c r="T1282" s="9"/>
      <c r="U1282" s="9"/>
      <c r="V1282" s="9"/>
      <c r="W1282" s="9"/>
      <c r="X1282" s="9"/>
      <c r="Y1282" s="9"/>
      <c r="Z1282" s="9"/>
      <c r="AA1282" s="9"/>
      <c r="AB1282" s="9"/>
      <c r="AC1282" s="9"/>
      <c r="AD1282" s="9"/>
      <c r="AE1282" s="9"/>
      <c r="AF1282" s="9"/>
      <c r="AG1282" s="9"/>
      <c r="AH1282" s="9"/>
      <c r="AI1282" s="9"/>
      <c r="AJ1282" s="9"/>
      <c r="AK1282" s="9"/>
      <c r="AL1282" s="9"/>
      <c r="AM1282" s="9"/>
      <c r="AN1282" s="9"/>
      <c r="AO1282" s="9"/>
      <c r="AP1282" s="9"/>
      <c r="AQ1282" s="9"/>
      <c r="AR1282" s="9"/>
      <c r="AS1282" s="9"/>
      <c r="AT1282" s="9"/>
    </row>
    <row r="1283" spans="1:46" s="3" customFormat="1" ht="13.5" customHeight="1" x14ac:dyDescent="0.15">
      <c r="A1283" s="3">
        <v>1282</v>
      </c>
      <c r="B1283" s="30" t="s">
        <v>613</v>
      </c>
      <c r="C1283" s="35" t="s">
        <v>1459</v>
      </c>
      <c r="D1283" s="28">
        <v>41350</v>
      </c>
      <c r="E1283" s="36" t="s">
        <v>1967</v>
      </c>
      <c r="F1283" s="29" t="s">
        <v>2634</v>
      </c>
      <c r="G1283" s="27">
        <v>12</v>
      </c>
    </row>
    <row r="1284" spans="1:46" s="3" customFormat="1" ht="13.5" customHeight="1" x14ac:dyDescent="0.15">
      <c r="A1284" s="3">
        <v>1283</v>
      </c>
      <c r="B1284" s="30" t="s">
        <v>613</v>
      </c>
      <c r="C1284" s="27" t="s">
        <v>1459</v>
      </c>
      <c r="D1284" s="28">
        <v>41360</v>
      </c>
      <c r="E1284" s="32" t="s">
        <v>1228</v>
      </c>
      <c r="F1284" s="32" t="s">
        <v>2011</v>
      </c>
      <c r="G1284" s="27">
        <v>12</v>
      </c>
    </row>
    <row r="1285" spans="1:46" s="3" customFormat="1" ht="13.5" customHeight="1" x14ac:dyDescent="0.15">
      <c r="A1285" s="3">
        <v>1284</v>
      </c>
      <c r="B1285" s="30" t="s">
        <v>613</v>
      </c>
      <c r="C1285" s="27" t="s">
        <v>1459</v>
      </c>
      <c r="D1285" s="28">
        <v>41380</v>
      </c>
      <c r="E1285" s="32" t="s">
        <v>1972</v>
      </c>
      <c r="F1285" s="32" t="s">
        <v>89</v>
      </c>
      <c r="G1285" s="27">
        <v>7</v>
      </c>
    </row>
    <row r="1286" spans="1:46" s="3" customFormat="1" ht="13.5" customHeight="1" x14ac:dyDescent="0.15">
      <c r="A1286" s="3">
        <v>1285</v>
      </c>
      <c r="B1286" s="30" t="s">
        <v>613</v>
      </c>
      <c r="C1286" s="27" t="s">
        <v>1459</v>
      </c>
      <c r="D1286" s="28">
        <v>41390</v>
      </c>
      <c r="E1286" s="32" t="s">
        <v>931</v>
      </c>
      <c r="F1286" s="32" t="s">
        <v>88</v>
      </c>
      <c r="G1286" s="27">
        <v>9</v>
      </c>
    </row>
    <row r="1287" spans="1:46" s="3" customFormat="1" ht="13.5" customHeight="1" x14ac:dyDescent="0.15">
      <c r="A1287" s="3">
        <v>1286</v>
      </c>
      <c r="B1287" s="30" t="s">
        <v>613</v>
      </c>
      <c r="C1287" s="35" t="s">
        <v>1459</v>
      </c>
      <c r="D1287" s="28">
        <v>42130</v>
      </c>
      <c r="E1287" s="36" t="s">
        <v>2120</v>
      </c>
      <c r="F1287" s="32" t="s">
        <v>307</v>
      </c>
      <c r="G1287" s="27">
        <v>6</v>
      </c>
    </row>
    <row r="1288" spans="1:46" s="3" customFormat="1" ht="13.5" customHeight="1" x14ac:dyDescent="0.15">
      <c r="A1288" s="3">
        <v>1287</v>
      </c>
      <c r="B1288" s="30" t="s">
        <v>613</v>
      </c>
      <c r="C1288" s="35" t="s">
        <v>1459</v>
      </c>
      <c r="D1288" s="28">
        <v>42270</v>
      </c>
      <c r="E1288" s="36" t="s">
        <v>35</v>
      </c>
      <c r="F1288" s="32" t="s">
        <v>34</v>
      </c>
      <c r="G1288" s="27">
        <v>12</v>
      </c>
    </row>
    <row r="1289" spans="1:46" s="3" customFormat="1" ht="13.5" customHeight="1" x14ac:dyDescent="0.15">
      <c r="A1289" s="3">
        <v>1288</v>
      </c>
      <c r="B1289" s="30" t="s">
        <v>613</v>
      </c>
      <c r="C1289" s="35" t="s">
        <v>1459</v>
      </c>
      <c r="D1289" s="28">
        <v>42400</v>
      </c>
      <c r="E1289" s="36" t="s">
        <v>36</v>
      </c>
      <c r="F1289" s="32" t="s">
        <v>2273</v>
      </c>
      <c r="G1289" s="27">
        <v>12</v>
      </c>
    </row>
    <row r="1290" spans="1:46" s="3" customFormat="1" ht="13.5" customHeight="1" x14ac:dyDescent="0.15">
      <c r="A1290" s="3">
        <v>1289</v>
      </c>
      <c r="B1290" s="30" t="s">
        <v>613</v>
      </c>
      <c r="C1290" s="27" t="s">
        <v>1459</v>
      </c>
      <c r="D1290" s="34">
        <v>42730</v>
      </c>
      <c r="E1290" s="32" t="s">
        <v>3086</v>
      </c>
      <c r="F1290" s="32" t="s">
        <v>2144</v>
      </c>
      <c r="G1290" s="27">
        <v>12</v>
      </c>
    </row>
    <row r="1291" spans="1:46" s="3" customFormat="1" ht="13.5" customHeight="1" x14ac:dyDescent="0.15">
      <c r="A1291" s="3">
        <v>1290</v>
      </c>
      <c r="B1291" s="30" t="s">
        <v>613</v>
      </c>
      <c r="C1291" s="27" t="s">
        <v>1459</v>
      </c>
      <c r="D1291" s="34">
        <v>42770</v>
      </c>
      <c r="E1291" s="32" t="s">
        <v>3090</v>
      </c>
      <c r="F1291" s="32" t="s">
        <v>2147</v>
      </c>
      <c r="G1291" s="27">
        <v>12</v>
      </c>
    </row>
    <row r="1292" spans="1:46" s="3" customFormat="1" ht="13.5" customHeight="1" x14ac:dyDescent="0.15">
      <c r="A1292" s="3">
        <v>1291</v>
      </c>
      <c r="B1292" s="30" t="s">
        <v>613</v>
      </c>
      <c r="C1292" s="27" t="s">
        <v>1459</v>
      </c>
      <c r="D1292" s="34">
        <v>143180</v>
      </c>
      <c r="E1292" s="32" t="s">
        <v>2333</v>
      </c>
      <c r="F1292" s="32" t="s">
        <v>2334</v>
      </c>
      <c r="G1292" s="27">
        <v>5</v>
      </c>
    </row>
    <row r="1293" spans="1:46" s="3" customFormat="1" ht="13.5" customHeight="1" x14ac:dyDescent="0.15">
      <c r="A1293" s="3">
        <v>1292</v>
      </c>
      <c r="B1293" s="30" t="s">
        <v>613</v>
      </c>
      <c r="C1293" s="27" t="s">
        <v>818</v>
      </c>
      <c r="D1293" s="31">
        <v>143260</v>
      </c>
      <c r="E1293" s="32" t="s">
        <v>2378</v>
      </c>
      <c r="F1293" s="32" t="s">
        <v>2379</v>
      </c>
      <c r="G1293" s="27">
        <v>3</v>
      </c>
    </row>
    <row r="1294" spans="1:46" s="3" customFormat="1" ht="13.5" customHeight="1" x14ac:dyDescent="0.15">
      <c r="A1294" s="3">
        <v>1293</v>
      </c>
      <c r="B1294" s="30" t="s">
        <v>613</v>
      </c>
      <c r="C1294" s="27" t="s">
        <v>818</v>
      </c>
      <c r="D1294" s="31">
        <v>143800</v>
      </c>
      <c r="E1294" s="32" t="s">
        <v>2793</v>
      </c>
      <c r="F1294" s="32" t="s">
        <v>2618</v>
      </c>
      <c r="G1294" s="27">
        <v>7</v>
      </c>
    </row>
    <row r="1295" spans="1:46" s="3" customFormat="1" ht="13.5" customHeight="1" x14ac:dyDescent="0.15">
      <c r="A1295" s="3">
        <v>1294</v>
      </c>
      <c r="B1295" s="30" t="s">
        <v>613</v>
      </c>
      <c r="C1295" s="27" t="s">
        <v>2503</v>
      </c>
      <c r="D1295" s="31">
        <v>143810</v>
      </c>
      <c r="E1295" s="32" t="s">
        <v>2556</v>
      </c>
      <c r="F1295" s="29" t="s">
        <v>2557</v>
      </c>
      <c r="G1295" s="27">
        <v>4</v>
      </c>
    </row>
    <row r="1296" spans="1:46" s="3" customFormat="1" ht="13.5" customHeight="1" x14ac:dyDescent="0.15">
      <c r="A1296" s="3">
        <v>1295</v>
      </c>
      <c r="B1296" s="30" t="s">
        <v>613</v>
      </c>
      <c r="C1296" s="27" t="s">
        <v>1459</v>
      </c>
      <c r="D1296" s="31">
        <v>143980</v>
      </c>
      <c r="E1296" s="32" t="s">
        <v>2501</v>
      </c>
      <c r="F1296" s="32" t="s">
        <v>2502</v>
      </c>
      <c r="G1296" s="27">
        <v>12</v>
      </c>
    </row>
    <row r="1297" spans="1:46" s="3" customFormat="1" ht="13.5" customHeight="1" x14ac:dyDescent="0.15">
      <c r="A1297" s="3">
        <v>1296</v>
      </c>
      <c r="B1297" s="26" t="s">
        <v>549</v>
      </c>
      <c r="C1297" s="27" t="s">
        <v>2503</v>
      </c>
      <c r="D1297" s="28">
        <v>144460</v>
      </c>
      <c r="E1297" s="29" t="s">
        <v>2597</v>
      </c>
      <c r="F1297" s="29" t="s">
        <v>2605</v>
      </c>
      <c r="G1297" s="39">
        <v>6</v>
      </c>
    </row>
    <row r="1298" spans="1:46" s="3" customFormat="1" ht="13.5" customHeight="1" x14ac:dyDescent="0.15">
      <c r="A1298" s="3">
        <v>1297</v>
      </c>
      <c r="B1298" s="26" t="s">
        <v>549</v>
      </c>
      <c r="C1298" s="27" t="s">
        <v>2503</v>
      </c>
      <c r="D1298" s="28">
        <v>144510</v>
      </c>
      <c r="E1298" s="29" t="s">
        <v>2600</v>
      </c>
      <c r="F1298" s="29" t="s">
        <v>2610</v>
      </c>
      <c r="G1298" s="39">
        <v>4</v>
      </c>
    </row>
    <row r="1299" spans="1:46" s="3" customFormat="1" ht="13.5" customHeight="1" x14ac:dyDescent="0.15">
      <c r="A1299" s="3">
        <v>1298</v>
      </c>
      <c r="B1299" s="30" t="s">
        <v>613</v>
      </c>
      <c r="C1299" s="27" t="s">
        <v>2503</v>
      </c>
      <c r="D1299" s="31">
        <v>144850</v>
      </c>
      <c r="E1299" s="29" t="s">
        <v>2706</v>
      </c>
      <c r="F1299" s="29" t="s">
        <v>2683</v>
      </c>
      <c r="G1299" s="27">
        <v>8</v>
      </c>
    </row>
    <row r="1300" spans="1:46" s="3" customFormat="1" ht="13.5" customHeight="1" x14ac:dyDescent="0.15">
      <c r="A1300" s="3">
        <v>1299</v>
      </c>
      <c r="B1300" s="30" t="s">
        <v>613</v>
      </c>
      <c r="C1300" s="27" t="s">
        <v>2503</v>
      </c>
      <c r="D1300" s="28">
        <v>144900</v>
      </c>
      <c r="E1300" s="29" t="s">
        <v>2697</v>
      </c>
      <c r="F1300" s="29" t="s">
        <v>2688</v>
      </c>
      <c r="G1300" s="27">
        <v>2</v>
      </c>
    </row>
    <row r="1301" spans="1:46" s="3" customFormat="1" ht="13.5" customHeight="1" x14ac:dyDescent="0.15">
      <c r="A1301" s="3">
        <v>1300</v>
      </c>
      <c r="B1301" s="30" t="s">
        <v>613</v>
      </c>
      <c r="C1301" s="27" t="s">
        <v>693</v>
      </c>
      <c r="D1301" s="31">
        <v>145360</v>
      </c>
      <c r="E1301" s="29" t="s">
        <v>2835</v>
      </c>
      <c r="F1301" s="40" t="s">
        <v>2807</v>
      </c>
      <c r="G1301" s="27">
        <v>8</v>
      </c>
    </row>
    <row r="1302" spans="1:46" s="3" customFormat="1" ht="13.5" customHeight="1" x14ac:dyDescent="0.15">
      <c r="A1302" s="3">
        <v>1301</v>
      </c>
      <c r="B1302" s="30" t="s">
        <v>613</v>
      </c>
      <c r="C1302" s="27" t="s">
        <v>693</v>
      </c>
      <c r="D1302" s="28">
        <v>145580</v>
      </c>
      <c r="E1302" s="40" t="s">
        <v>2886</v>
      </c>
      <c r="F1302" s="29" t="s">
        <v>2898</v>
      </c>
      <c r="G1302" s="27">
        <v>8</v>
      </c>
    </row>
    <row r="1303" spans="1:46" s="3" customFormat="1" ht="13.5" customHeight="1" x14ac:dyDescent="0.15">
      <c r="A1303" s="3">
        <v>1302</v>
      </c>
      <c r="B1303" s="30" t="s">
        <v>613</v>
      </c>
      <c r="C1303" s="27" t="s">
        <v>693</v>
      </c>
      <c r="D1303" s="28">
        <v>145650</v>
      </c>
      <c r="E1303" s="40" t="s">
        <v>2893</v>
      </c>
      <c r="F1303" s="29" t="s">
        <v>2904</v>
      </c>
      <c r="G1303" s="27">
        <v>7</v>
      </c>
    </row>
    <row r="1304" spans="1:46" s="3" customFormat="1" ht="13.5" customHeight="1" x14ac:dyDescent="0.15">
      <c r="A1304" s="3">
        <v>1303</v>
      </c>
      <c r="B1304" s="30" t="s">
        <v>613</v>
      </c>
      <c r="C1304" s="27" t="s">
        <v>693</v>
      </c>
      <c r="D1304" s="28">
        <v>145770</v>
      </c>
      <c r="E1304" s="29" t="s">
        <v>2924</v>
      </c>
      <c r="F1304" s="29" t="s">
        <v>2914</v>
      </c>
      <c r="G1304" s="27">
        <v>8</v>
      </c>
      <c r="H1304" s="2"/>
      <c r="I1304" s="2"/>
      <c r="J1304" s="2"/>
      <c r="K1304" s="2"/>
      <c r="L1304" s="2"/>
      <c r="M1304" s="2"/>
      <c r="N1304" s="2"/>
      <c r="O1304" s="2"/>
      <c r="P1304" s="2"/>
      <c r="Q1304" s="2"/>
      <c r="R1304" s="2"/>
      <c r="S1304" s="2"/>
      <c r="T1304" s="2"/>
      <c r="U1304" s="2"/>
      <c r="V1304" s="2"/>
      <c r="W1304" s="2"/>
      <c r="X1304" s="2"/>
      <c r="Y1304" s="2"/>
      <c r="Z1304" s="2"/>
      <c r="AA1304" s="2"/>
      <c r="AB1304" s="2"/>
      <c r="AC1304" s="2"/>
      <c r="AD1304" s="2"/>
      <c r="AE1304" s="2"/>
      <c r="AF1304" s="2"/>
      <c r="AG1304" s="2"/>
      <c r="AH1304" s="2"/>
      <c r="AI1304" s="2"/>
      <c r="AJ1304" s="2"/>
      <c r="AK1304" s="2"/>
      <c r="AL1304" s="2"/>
      <c r="AM1304" s="2"/>
      <c r="AN1304" s="2"/>
      <c r="AO1304" s="2"/>
      <c r="AP1304" s="2"/>
      <c r="AQ1304" s="2"/>
      <c r="AR1304" s="2"/>
      <c r="AS1304" s="2"/>
      <c r="AT1304" s="2"/>
    </row>
    <row r="1305" spans="1:46" s="3" customFormat="1" ht="13.5" customHeight="1" x14ac:dyDescent="0.15">
      <c r="A1305" s="3">
        <v>1304</v>
      </c>
      <c r="B1305" s="30" t="s">
        <v>613</v>
      </c>
      <c r="C1305" s="27" t="s">
        <v>1459</v>
      </c>
      <c r="D1305" s="28">
        <v>145970</v>
      </c>
      <c r="E1305" s="40" t="s">
        <v>2979</v>
      </c>
      <c r="F1305" s="40" t="s">
        <v>2950</v>
      </c>
      <c r="G1305" s="27">
        <v>7</v>
      </c>
      <c r="H1305" s="2"/>
      <c r="I1305" s="2"/>
      <c r="J1305" s="2"/>
      <c r="K1305" s="2"/>
      <c r="L1305" s="2"/>
      <c r="M1305" s="2"/>
      <c r="N1305" s="2"/>
      <c r="O1305" s="2"/>
      <c r="P1305" s="2"/>
      <c r="Q1305" s="2"/>
      <c r="R1305" s="2"/>
      <c r="S1305" s="2"/>
      <c r="T1305" s="2"/>
      <c r="U1305" s="2"/>
      <c r="V1305" s="2"/>
      <c r="W1305" s="2"/>
      <c r="X1305" s="2"/>
      <c r="Y1305" s="2"/>
      <c r="Z1305" s="2"/>
      <c r="AA1305" s="2"/>
      <c r="AB1305" s="2"/>
      <c r="AC1305" s="2"/>
      <c r="AD1305" s="2"/>
      <c r="AE1305" s="2"/>
      <c r="AF1305" s="2"/>
      <c r="AG1305" s="2"/>
      <c r="AH1305" s="2"/>
      <c r="AI1305" s="2"/>
      <c r="AJ1305" s="2"/>
      <c r="AK1305" s="2"/>
      <c r="AL1305" s="2"/>
      <c r="AM1305" s="2"/>
      <c r="AN1305" s="2"/>
      <c r="AO1305" s="2"/>
      <c r="AP1305" s="2"/>
      <c r="AQ1305" s="2"/>
      <c r="AR1305" s="2"/>
      <c r="AS1305" s="2"/>
      <c r="AT1305" s="2"/>
    </row>
    <row r="1306" spans="1:46" s="3" customFormat="1" ht="13.5" customHeight="1" x14ac:dyDescent="0.15">
      <c r="A1306" s="3">
        <v>1305</v>
      </c>
      <c r="B1306" s="30" t="s">
        <v>613</v>
      </c>
      <c r="C1306" s="39" t="s">
        <v>1459</v>
      </c>
      <c r="D1306" s="33">
        <v>146480</v>
      </c>
      <c r="E1306" s="40" t="s">
        <v>3145</v>
      </c>
      <c r="F1306" s="29" t="s">
        <v>3172</v>
      </c>
      <c r="G1306" s="27">
        <v>8</v>
      </c>
    </row>
    <row r="1307" spans="1:46" s="3" customFormat="1" ht="13.5" customHeight="1" x14ac:dyDescent="0.15">
      <c r="A1307" s="3">
        <v>1306</v>
      </c>
      <c r="B1307" s="30" t="s">
        <v>613</v>
      </c>
      <c r="C1307" s="27" t="s">
        <v>3267</v>
      </c>
      <c r="D1307" s="28">
        <v>146850</v>
      </c>
      <c r="E1307" s="29" t="s">
        <v>3305</v>
      </c>
      <c r="F1307" s="53" t="s">
        <v>3306</v>
      </c>
      <c r="G1307" s="27">
        <v>8</v>
      </c>
      <c r="H1307" s="2"/>
      <c r="I1307" s="2"/>
      <c r="J1307" s="2"/>
      <c r="K1307" s="2"/>
      <c r="L1307" s="2"/>
      <c r="M1307" s="2"/>
      <c r="N1307" s="2"/>
      <c r="O1307" s="2"/>
      <c r="P1307" s="2"/>
      <c r="Q1307" s="2"/>
      <c r="R1307" s="2"/>
      <c r="S1307" s="2"/>
      <c r="T1307" s="2"/>
      <c r="U1307" s="2"/>
      <c r="V1307" s="2"/>
      <c r="W1307" s="2"/>
      <c r="X1307" s="2"/>
      <c r="Y1307" s="2"/>
      <c r="Z1307" s="2"/>
      <c r="AA1307" s="2"/>
      <c r="AB1307" s="2"/>
      <c r="AC1307" s="2"/>
      <c r="AD1307" s="2"/>
      <c r="AE1307" s="2"/>
      <c r="AF1307" s="2"/>
      <c r="AG1307" s="2"/>
      <c r="AH1307" s="2"/>
      <c r="AI1307" s="2"/>
      <c r="AJ1307" s="2"/>
      <c r="AK1307" s="2"/>
      <c r="AL1307" s="2"/>
      <c r="AM1307" s="2"/>
      <c r="AN1307" s="2"/>
      <c r="AO1307" s="2"/>
      <c r="AP1307" s="2"/>
      <c r="AQ1307" s="2"/>
      <c r="AR1307" s="2"/>
      <c r="AS1307" s="2"/>
      <c r="AT1307" s="2"/>
    </row>
    <row r="1308" spans="1:46" s="3" customFormat="1" ht="13.5" customHeight="1" x14ac:dyDescent="0.15">
      <c r="A1308" s="3">
        <v>1307</v>
      </c>
      <c r="B1308" s="30" t="s">
        <v>613</v>
      </c>
      <c r="C1308" s="27" t="s">
        <v>3267</v>
      </c>
      <c r="D1308" s="28">
        <v>146860</v>
      </c>
      <c r="E1308" s="29" t="s">
        <v>3307</v>
      </c>
      <c r="F1308" s="53" t="s">
        <v>3308</v>
      </c>
      <c r="G1308" s="27">
        <v>8</v>
      </c>
      <c r="H1308" s="2"/>
      <c r="I1308" s="2"/>
      <c r="J1308" s="2"/>
      <c r="K1308" s="2"/>
      <c r="L1308" s="2"/>
      <c r="M1308" s="2"/>
      <c r="N1308" s="2"/>
      <c r="O1308" s="2"/>
      <c r="P1308" s="2"/>
      <c r="Q1308" s="2"/>
      <c r="R1308" s="2"/>
      <c r="S1308" s="2"/>
      <c r="T1308" s="2"/>
      <c r="U1308" s="2"/>
      <c r="V1308" s="2"/>
      <c r="W1308" s="2"/>
      <c r="X1308" s="2"/>
      <c r="Y1308" s="2"/>
      <c r="Z1308" s="2"/>
      <c r="AA1308" s="2"/>
      <c r="AB1308" s="2"/>
      <c r="AC1308" s="2"/>
      <c r="AD1308" s="2"/>
      <c r="AE1308" s="2"/>
      <c r="AF1308" s="2"/>
      <c r="AG1308" s="2"/>
      <c r="AH1308" s="2"/>
      <c r="AI1308" s="2"/>
      <c r="AJ1308" s="2"/>
      <c r="AK1308" s="2"/>
      <c r="AL1308" s="2"/>
      <c r="AM1308" s="2"/>
      <c r="AN1308" s="2"/>
      <c r="AO1308" s="2"/>
      <c r="AP1308" s="2"/>
      <c r="AQ1308" s="2"/>
      <c r="AR1308" s="2"/>
      <c r="AS1308" s="2"/>
      <c r="AT1308" s="2"/>
    </row>
    <row r="1309" spans="1:46" s="3" customFormat="1" ht="13.5" customHeight="1" x14ac:dyDescent="0.15">
      <c r="A1309" s="3">
        <v>1308</v>
      </c>
      <c r="B1309" s="30" t="s">
        <v>613</v>
      </c>
      <c r="C1309" s="27" t="s">
        <v>3355</v>
      </c>
      <c r="D1309" s="28">
        <v>147020</v>
      </c>
      <c r="E1309" s="29" t="s">
        <v>3356</v>
      </c>
      <c r="F1309" s="29" t="s">
        <v>3354</v>
      </c>
      <c r="G1309" s="27">
        <v>7</v>
      </c>
      <c r="H1309" s="2"/>
      <c r="I1309" s="2"/>
      <c r="J1309" s="2"/>
      <c r="K1309" s="2"/>
      <c r="L1309" s="2"/>
      <c r="M1309" s="2"/>
      <c r="N1309" s="2"/>
      <c r="O1309" s="2"/>
      <c r="P1309" s="2"/>
      <c r="Q1309" s="2"/>
      <c r="R1309" s="2"/>
      <c r="S1309" s="2"/>
      <c r="T1309" s="2"/>
      <c r="U1309" s="2"/>
      <c r="V1309" s="2"/>
      <c r="W1309" s="2"/>
      <c r="X1309" s="2"/>
      <c r="Y1309" s="2"/>
      <c r="Z1309" s="2"/>
      <c r="AA1309" s="2"/>
      <c r="AB1309" s="2"/>
      <c r="AC1309" s="2"/>
      <c r="AD1309" s="2"/>
      <c r="AE1309" s="2"/>
      <c r="AF1309" s="2"/>
      <c r="AG1309" s="2"/>
      <c r="AH1309" s="2"/>
      <c r="AI1309" s="2"/>
      <c r="AJ1309" s="2"/>
      <c r="AK1309" s="2"/>
      <c r="AL1309" s="2"/>
      <c r="AM1309" s="2"/>
      <c r="AN1309" s="2"/>
      <c r="AO1309" s="2"/>
      <c r="AP1309" s="2"/>
      <c r="AQ1309" s="2"/>
      <c r="AR1309" s="2"/>
      <c r="AS1309" s="2"/>
      <c r="AT1309" s="2"/>
    </row>
    <row r="1310" spans="1:46" s="3" customFormat="1" ht="13.5" customHeight="1" x14ac:dyDescent="0.15">
      <c r="A1310" s="3">
        <v>1309</v>
      </c>
      <c r="B1310" s="30" t="s">
        <v>613</v>
      </c>
      <c r="C1310" s="27" t="s">
        <v>3474</v>
      </c>
      <c r="D1310" s="28">
        <v>147390</v>
      </c>
      <c r="E1310" s="29" t="s">
        <v>3444</v>
      </c>
      <c r="F1310" s="29" t="s">
        <v>3475</v>
      </c>
      <c r="G1310" s="27">
        <v>3</v>
      </c>
      <c r="H1310" s="2"/>
      <c r="I1310" s="2"/>
      <c r="J1310" s="2"/>
      <c r="K1310" s="2"/>
      <c r="L1310" s="2"/>
      <c r="M1310" s="2"/>
      <c r="N1310" s="2"/>
      <c r="O1310" s="2"/>
      <c r="P1310" s="2"/>
      <c r="Q1310" s="2"/>
      <c r="R1310" s="2"/>
      <c r="S1310" s="2"/>
      <c r="T1310" s="2"/>
      <c r="U1310" s="2"/>
      <c r="V1310" s="2"/>
      <c r="W1310" s="2"/>
      <c r="X1310" s="2"/>
      <c r="Y1310" s="2"/>
      <c r="Z1310" s="2"/>
      <c r="AA1310" s="2"/>
      <c r="AB1310" s="2"/>
      <c r="AC1310" s="2"/>
      <c r="AD1310" s="2"/>
      <c r="AE1310" s="2"/>
      <c r="AF1310" s="2"/>
      <c r="AG1310" s="2"/>
      <c r="AH1310" s="2"/>
      <c r="AI1310" s="2"/>
      <c r="AJ1310" s="2"/>
      <c r="AK1310" s="2"/>
      <c r="AL1310" s="2"/>
      <c r="AM1310" s="2"/>
      <c r="AN1310" s="2"/>
      <c r="AO1310" s="2"/>
      <c r="AP1310" s="2"/>
      <c r="AQ1310" s="2"/>
      <c r="AR1310" s="2"/>
      <c r="AS1310" s="2"/>
      <c r="AT1310" s="2"/>
    </row>
    <row r="1311" spans="1:46" s="3" customFormat="1" ht="13.5" customHeight="1" x14ac:dyDescent="0.15">
      <c r="A1311" s="3">
        <v>1310</v>
      </c>
      <c r="B1311" s="26" t="s">
        <v>3489</v>
      </c>
      <c r="C1311" s="27" t="s">
        <v>3490</v>
      </c>
      <c r="D1311" s="28">
        <v>147490</v>
      </c>
      <c r="E1311" s="29" t="s">
        <v>3491</v>
      </c>
      <c r="F1311" s="29" t="s">
        <v>3492</v>
      </c>
      <c r="G1311" s="27">
        <v>3</v>
      </c>
      <c r="H1311" s="2"/>
      <c r="I1311" s="2"/>
      <c r="J1311" s="2"/>
      <c r="K1311" s="2"/>
      <c r="L1311" s="2"/>
      <c r="M1311" s="2"/>
      <c r="N1311" s="2"/>
      <c r="O1311" s="2"/>
      <c r="P1311" s="2"/>
      <c r="Q1311" s="2"/>
      <c r="R1311" s="2"/>
      <c r="S1311" s="2"/>
      <c r="T1311" s="2"/>
      <c r="U1311" s="2"/>
      <c r="V1311" s="2"/>
      <c r="W1311" s="2"/>
      <c r="X1311" s="2"/>
      <c r="Y1311" s="2"/>
      <c r="Z1311" s="2"/>
      <c r="AA1311" s="2"/>
      <c r="AB1311" s="2"/>
      <c r="AC1311" s="2"/>
      <c r="AD1311" s="2"/>
      <c r="AE1311" s="2"/>
      <c r="AF1311" s="2"/>
      <c r="AG1311" s="2"/>
      <c r="AH1311" s="2"/>
      <c r="AI1311" s="2"/>
      <c r="AJ1311" s="2"/>
      <c r="AK1311" s="2"/>
      <c r="AL1311" s="2"/>
      <c r="AM1311" s="2"/>
      <c r="AN1311" s="2"/>
      <c r="AO1311" s="2"/>
      <c r="AP1311" s="2"/>
      <c r="AQ1311" s="2"/>
      <c r="AR1311" s="2"/>
      <c r="AS1311" s="2"/>
      <c r="AT1311" s="2"/>
    </row>
    <row r="1312" spans="1:46" s="3" customFormat="1" ht="13.5" customHeight="1" x14ac:dyDescent="0.15">
      <c r="A1312" s="3">
        <v>1311</v>
      </c>
      <c r="B1312" s="30" t="s">
        <v>613</v>
      </c>
      <c r="C1312" s="27" t="s">
        <v>1459</v>
      </c>
      <c r="D1312" s="28">
        <v>147610</v>
      </c>
      <c r="E1312" s="42" t="s">
        <v>3514</v>
      </c>
      <c r="F1312" s="29" t="s">
        <v>3534</v>
      </c>
      <c r="G1312" s="27">
        <v>9</v>
      </c>
      <c r="H1312" s="2"/>
      <c r="I1312" s="2"/>
      <c r="J1312" s="2"/>
      <c r="K1312" s="2"/>
      <c r="L1312" s="2"/>
      <c r="M1312" s="2"/>
      <c r="N1312" s="2"/>
      <c r="O1312" s="2"/>
      <c r="P1312" s="2"/>
      <c r="Q1312" s="2"/>
      <c r="R1312" s="2"/>
      <c r="S1312" s="2"/>
      <c r="T1312" s="2"/>
      <c r="U1312" s="2"/>
      <c r="V1312" s="2"/>
      <c r="W1312" s="2"/>
      <c r="X1312" s="2"/>
      <c r="Y1312" s="2"/>
      <c r="Z1312" s="2"/>
      <c r="AA1312" s="2"/>
      <c r="AB1312" s="2"/>
      <c r="AC1312" s="2"/>
      <c r="AD1312" s="2"/>
      <c r="AE1312" s="2"/>
      <c r="AF1312" s="2"/>
      <c r="AG1312" s="2"/>
      <c r="AH1312" s="2"/>
      <c r="AI1312" s="2"/>
      <c r="AJ1312" s="2"/>
      <c r="AK1312" s="2"/>
      <c r="AL1312" s="2"/>
      <c r="AM1312" s="2"/>
      <c r="AN1312" s="2"/>
      <c r="AO1312" s="2"/>
      <c r="AP1312" s="2"/>
      <c r="AQ1312" s="2"/>
      <c r="AR1312" s="2"/>
      <c r="AS1312" s="2"/>
      <c r="AT1312" s="2"/>
    </row>
    <row r="1313" spans="1:46" s="3" customFormat="1" ht="13.5" customHeight="1" x14ac:dyDescent="0.15">
      <c r="A1313" s="3">
        <v>1312</v>
      </c>
      <c r="B1313" s="30" t="s">
        <v>613</v>
      </c>
      <c r="C1313" s="27" t="s">
        <v>3568</v>
      </c>
      <c r="D1313" s="28">
        <v>147780</v>
      </c>
      <c r="E1313" s="42" t="s">
        <v>3531</v>
      </c>
      <c r="F1313" s="29" t="s">
        <v>3546</v>
      </c>
      <c r="G1313" s="27">
        <v>8</v>
      </c>
      <c r="H1313" s="2"/>
      <c r="I1313" s="2"/>
      <c r="J1313" s="2"/>
      <c r="K1313" s="2"/>
      <c r="L1313" s="2"/>
      <c r="M1313" s="2"/>
      <c r="N1313" s="2"/>
      <c r="O1313" s="2"/>
      <c r="P1313" s="2"/>
      <c r="Q1313" s="2"/>
      <c r="R1313" s="2"/>
      <c r="S1313" s="2"/>
      <c r="T1313" s="2"/>
      <c r="U1313" s="2"/>
      <c r="V1313" s="2"/>
      <c r="W1313" s="2"/>
      <c r="X1313" s="2"/>
      <c r="Y1313" s="2"/>
      <c r="Z1313" s="2"/>
      <c r="AA1313" s="2"/>
      <c r="AB1313" s="2"/>
      <c r="AC1313" s="2"/>
      <c r="AD1313" s="2"/>
      <c r="AE1313" s="2"/>
      <c r="AF1313" s="2"/>
      <c r="AG1313" s="2"/>
      <c r="AH1313" s="2"/>
      <c r="AI1313" s="2"/>
      <c r="AJ1313" s="2"/>
      <c r="AK1313" s="2"/>
      <c r="AL1313" s="2"/>
      <c r="AM1313" s="2"/>
      <c r="AN1313" s="2"/>
      <c r="AO1313" s="2"/>
      <c r="AP1313" s="2"/>
      <c r="AQ1313" s="2"/>
      <c r="AR1313" s="2"/>
      <c r="AS1313" s="2"/>
      <c r="AT1313" s="2"/>
    </row>
    <row r="1314" spans="1:46" s="3" customFormat="1" ht="13.5" customHeight="1" x14ac:dyDescent="0.15">
      <c r="A1314" s="3">
        <v>1313</v>
      </c>
      <c r="B1314" s="26" t="s">
        <v>1051</v>
      </c>
      <c r="C1314" s="27" t="s">
        <v>823</v>
      </c>
      <c r="D1314" s="28">
        <v>701</v>
      </c>
      <c r="E1314" s="29" t="s">
        <v>2345</v>
      </c>
      <c r="F1314" s="29" t="s">
        <v>1627</v>
      </c>
      <c r="G1314" s="27">
        <v>3</v>
      </c>
      <c r="H1314" s="2"/>
      <c r="I1314" s="2"/>
      <c r="J1314" s="2"/>
      <c r="K1314" s="2"/>
      <c r="L1314" s="2"/>
      <c r="M1314" s="2"/>
      <c r="N1314" s="2"/>
      <c r="O1314" s="2"/>
      <c r="P1314" s="2"/>
      <c r="Q1314" s="2"/>
      <c r="R1314" s="2"/>
      <c r="S1314" s="2"/>
      <c r="T1314" s="2"/>
      <c r="U1314" s="2"/>
      <c r="V1314" s="2"/>
      <c r="W1314" s="2"/>
      <c r="X1314" s="2"/>
      <c r="Y1314" s="2"/>
      <c r="Z1314" s="2"/>
      <c r="AA1314" s="2"/>
      <c r="AB1314" s="2"/>
      <c r="AC1314" s="2"/>
      <c r="AD1314" s="2"/>
      <c r="AE1314" s="2"/>
      <c r="AF1314" s="2"/>
      <c r="AG1314" s="2"/>
      <c r="AH1314" s="2"/>
      <c r="AI1314" s="2"/>
      <c r="AJ1314" s="2"/>
      <c r="AK1314" s="2"/>
      <c r="AL1314" s="2"/>
      <c r="AM1314" s="2"/>
      <c r="AN1314" s="2"/>
      <c r="AO1314" s="2"/>
      <c r="AP1314" s="2"/>
      <c r="AQ1314" s="2"/>
      <c r="AR1314" s="2"/>
      <c r="AS1314" s="2"/>
      <c r="AT1314" s="2"/>
    </row>
    <row r="1315" spans="1:46" s="3" customFormat="1" ht="13.5" customHeight="1" x14ac:dyDescent="0.15">
      <c r="A1315" s="3">
        <v>1314</v>
      </c>
      <c r="B1315" s="26" t="s">
        <v>1051</v>
      </c>
      <c r="C1315" s="27" t="s">
        <v>823</v>
      </c>
      <c r="D1315" s="28">
        <v>711</v>
      </c>
      <c r="E1315" s="29" t="s">
        <v>2615</v>
      </c>
      <c r="F1315" s="29" t="s">
        <v>1628</v>
      </c>
      <c r="G1315" s="27">
        <v>3</v>
      </c>
      <c r="H1315" s="2"/>
      <c r="I1315" s="2"/>
      <c r="J1315" s="2"/>
      <c r="K1315" s="2"/>
      <c r="L1315" s="2"/>
      <c r="M1315" s="2"/>
      <c r="N1315" s="2"/>
      <c r="O1315" s="2"/>
      <c r="P1315" s="2"/>
      <c r="Q1315" s="2"/>
      <c r="R1315" s="2"/>
      <c r="S1315" s="2"/>
      <c r="T1315" s="2"/>
      <c r="U1315" s="2"/>
      <c r="V1315" s="2"/>
      <c r="W1315" s="2"/>
      <c r="X1315" s="2"/>
      <c r="Y1315" s="2"/>
      <c r="Z1315" s="2"/>
      <c r="AA1315" s="2"/>
      <c r="AB1315" s="2"/>
      <c r="AC1315" s="2"/>
      <c r="AD1315" s="2"/>
      <c r="AE1315" s="2"/>
      <c r="AF1315" s="2"/>
      <c r="AG1315" s="2"/>
      <c r="AH1315" s="2"/>
      <c r="AI1315" s="2"/>
      <c r="AJ1315" s="2"/>
      <c r="AK1315" s="2"/>
      <c r="AL1315" s="2"/>
      <c r="AM1315" s="2"/>
      <c r="AN1315" s="2"/>
      <c r="AO1315" s="2"/>
      <c r="AP1315" s="2"/>
      <c r="AQ1315" s="2"/>
      <c r="AR1315" s="2"/>
      <c r="AS1315" s="2"/>
      <c r="AT1315" s="2"/>
    </row>
    <row r="1316" spans="1:46" s="3" customFormat="1" ht="13.5" customHeight="1" x14ac:dyDescent="0.15">
      <c r="A1316" s="3">
        <v>1315</v>
      </c>
      <c r="B1316" s="26" t="s">
        <v>1051</v>
      </c>
      <c r="C1316" s="27" t="s">
        <v>823</v>
      </c>
      <c r="D1316" s="28">
        <v>721</v>
      </c>
      <c r="E1316" s="29" t="s">
        <v>553</v>
      </c>
      <c r="F1316" s="29" t="s">
        <v>263</v>
      </c>
      <c r="G1316" s="27">
        <v>3</v>
      </c>
      <c r="H1316" s="2"/>
      <c r="I1316" s="2"/>
      <c r="J1316" s="2"/>
      <c r="K1316" s="2"/>
      <c r="L1316" s="2"/>
      <c r="M1316" s="2"/>
      <c r="N1316" s="2"/>
      <c r="O1316" s="2"/>
      <c r="P1316" s="2"/>
      <c r="Q1316" s="2"/>
      <c r="R1316" s="2"/>
      <c r="S1316" s="2"/>
      <c r="T1316" s="2"/>
      <c r="U1316" s="2"/>
      <c r="V1316" s="2"/>
      <c r="W1316" s="2"/>
      <c r="X1316" s="2"/>
      <c r="Y1316" s="2"/>
      <c r="Z1316" s="2"/>
      <c r="AA1316" s="2"/>
      <c r="AB1316" s="2"/>
      <c r="AC1316" s="2"/>
      <c r="AD1316" s="2"/>
      <c r="AE1316" s="2"/>
      <c r="AF1316" s="2"/>
      <c r="AG1316" s="2"/>
      <c r="AH1316" s="2"/>
      <c r="AI1316" s="2"/>
      <c r="AJ1316" s="2"/>
      <c r="AK1316" s="2"/>
      <c r="AL1316" s="2"/>
      <c r="AM1316" s="2"/>
      <c r="AN1316" s="2"/>
      <c r="AO1316" s="2"/>
      <c r="AP1316" s="2"/>
      <c r="AQ1316" s="2"/>
      <c r="AR1316" s="2"/>
      <c r="AS1316" s="2"/>
      <c r="AT1316" s="2"/>
    </row>
    <row r="1317" spans="1:46" s="3" customFormat="1" ht="13.5" customHeight="1" x14ac:dyDescent="0.15">
      <c r="A1317" s="3">
        <v>1316</v>
      </c>
      <c r="B1317" s="30" t="s">
        <v>613</v>
      </c>
      <c r="C1317" s="27" t="s">
        <v>1089</v>
      </c>
      <c r="D1317" s="34">
        <v>3340</v>
      </c>
      <c r="E1317" s="32" t="s">
        <v>1468</v>
      </c>
      <c r="F1317" s="32" t="s">
        <v>386</v>
      </c>
      <c r="G1317" s="27">
        <v>12</v>
      </c>
    </row>
    <row r="1318" spans="1:46" s="3" customFormat="1" ht="13.5" customHeight="1" x14ac:dyDescent="0.15">
      <c r="A1318" s="3">
        <v>1317</v>
      </c>
      <c r="B1318" s="30" t="s">
        <v>613</v>
      </c>
      <c r="C1318" s="27" t="s">
        <v>823</v>
      </c>
      <c r="D1318" s="31">
        <v>3920</v>
      </c>
      <c r="E1318" s="32" t="s">
        <v>56</v>
      </c>
      <c r="F1318" s="32" t="s">
        <v>1563</v>
      </c>
      <c r="G1318" s="27">
        <v>4</v>
      </c>
    </row>
    <row r="1319" spans="1:46" s="3" customFormat="1" ht="13.5" customHeight="1" x14ac:dyDescent="0.15">
      <c r="A1319" s="3">
        <v>1318</v>
      </c>
      <c r="B1319" s="30" t="s">
        <v>613</v>
      </c>
      <c r="C1319" s="27" t="s">
        <v>579</v>
      </c>
      <c r="D1319" s="31">
        <v>3930</v>
      </c>
      <c r="E1319" s="32" t="s">
        <v>1460</v>
      </c>
      <c r="F1319" s="32" t="s">
        <v>2281</v>
      </c>
      <c r="G1319" s="27">
        <v>6</v>
      </c>
    </row>
    <row r="1320" spans="1:46" s="3" customFormat="1" ht="13.5" customHeight="1" x14ac:dyDescent="0.15">
      <c r="A1320" s="3">
        <v>1319</v>
      </c>
      <c r="B1320" s="30" t="s">
        <v>613</v>
      </c>
      <c r="C1320" s="27" t="s">
        <v>823</v>
      </c>
      <c r="D1320" s="31">
        <v>7100</v>
      </c>
      <c r="E1320" s="32" t="s">
        <v>333</v>
      </c>
      <c r="F1320" s="32" t="s">
        <v>1372</v>
      </c>
      <c r="G1320" s="27">
        <v>5</v>
      </c>
    </row>
    <row r="1321" spans="1:46" s="3" customFormat="1" ht="13.5" customHeight="1" x14ac:dyDescent="0.15">
      <c r="A1321" s="3">
        <v>1320</v>
      </c>
      <c r="B1321" s="30" t="s">
        <v>613</v>
      </c>
      <c r="C1321" s="27" t="s">
        <v>823</v>
      </c>
      <c r="D1321" s="31">
        <v>8370</v>
      </c>
      <c r="E1321" s="32" t="s">
        <v>1382</v>
      </c>
      <c r="F1321" s="32" t="s">
        <v>93</v>
      </c>
      <c r="G1321" s="27">
        <v>6</v>
      </c>
    </row>
    <row r="1322" spans="1:46" s="3" customFormat="1" ht="13.5" customHeight="1" x14ac:dyDescent="0.15">
      <c r="A1322" s="3">
        <v>1321</v>
      </c>
      <c r="B1322" s="30" t="s">
        <v>613</v>
      </c>
      <c r="C1322" s="27" t="s">
        <v>823</v>
      </c>
      <c r="D1322" s="31">
        <v>9050</v>
      </c>
      <c r="E1322" s="32" t="s">
        <v>338</v>
      </c>
      <c r="F1322" s="32" t="s">
        <v>1265</v>
      </c>
      <c r="G1322" s="27">
        <v>6</v>
      </c>
    </row>
    <row r="1323" spans="1:46" s="3" customFormat="1" ht="13.5" customHeight="1" x14ac:dyDescent="0.15">
      <c r="A1323" s="3">
        <v>1322</v>
      </c>
      <c r="B1323" s="30" t="s">
        <v>613</v>
      </c>
      <c r="C1323" s="27" t="s">
        <v>823</v>
      </c>
      <c r="D1323" s="31">
        <v>11850</v>
      </c>
      <c r="E1323" s="32" t="s">
        <v>1873</v>
      </c>
      <c r="F1323" s="32" t="s">
        <v>908</v>
      </c>
      <c r="G1323" s="27">
        <v>6</v>
      </c>
    </row>
    <row r="1324" spans="1:46" s="3" customFormat="1" ht="13.5" customHeight="1" x14ac:dyDescent="0.15">
      <c r="A1324" s="3">
        <v>1323</v>
      </c>
      <c r="B1324" s="30" t="s">
        <v>613</v>
      </c>
      <c r="C1324" s="27" t="s">
        <v>823</v>
      </c>
      <c r="D1324" s="31">
        <v>11870</v>
      </c>
      <c r="E1324" s="32" t="s">
        <v>901</v>
      </c>
      <c r="F1324" s="32" t="s">
        <v>640</v>
      </c>
      <c r="G1324" s="27">
        <v>12</v>
      </c>
    </row>
    <row r="1325" spans="1:46" s="3" customFormat="1" ht="13.5" customHeight="1" x14ac:dyDescent="0.15">
      <c r="A1325" s="3">
        <v>1324</v>
      </c>
      <c r="B1325" s="30" t="s">
        <v>613</v>
      </c>
      <c r="C1325" s="27" t="s">
        <v>823</v>
      </c>
      <c r="D1325" s="31">
        <v>14720</v>
      </c>
      <c r="E1325" s="32" t="s">
        <v>829</v>
      </c>
      <c r="F1325" s="32" t="s">
        <v>2585</v>
      </c>
      <c r="G1325" s="27">
        <v>5</v>
      </c>
    </row>
    <row r="1326" spans="1:46" s="3" customFormat="1" ht="13.5" customHeight="1" x14ac:dyDescent="0.15">
      <c r="A1326" s="3">
        <v>1325</v>
      </c>
      <c r="B1326" s="30" t="s">
        <v>613</v>
      </c>
      <c r="C1326" s="27" t="s">
        <v>823</v>
      </c>
      <c r="D1326" s="31">
        <v>15140</v>
      </c>
      <c r="E1326" s="32" t="s">
        <v>12</v>
      </c>
      <c r="F1326" s="32" t="s">
        <v>432</v>
      </c>
      <c r="G1326" s="27">
        <v>12</v>
      </c>
    </row>
    <row r="1327" spans="1:46" s="3" customFormat="1" ht="13.5" customHeight="1" x14ac:dyDescent="0.15">
      <c r="A1327" s="3">
        <v>1326</v>
      </c>
      <c r="B1327" s="30" t="s">
        <v>613</v>
      </c>
      <c r="C1327" s="27" t="s">
        <v>823</v>
      </c>
      <c r="D1327" s="31">
        <v>15520</v>
      </c>
      <c r="E1327" s="32" t="s">
        <v>1142</v>
      </c>
      <c r="F1327" s="32" t="s">
        <v>1143</v>
      </c>
      <c r="G1327" s="27">
        <v>3</v>
      </c>
    </row>
    <row r="1328" spans="1:46" s="3" customFormat="1" ht="13.5" customHeight="1" x14ac:dyDescent="0.15">
      <c r="A1328" s="3">
        <v>1327</v>
      </c>
      <c r="B1328" s="30" t="s">
        <v>613</v>
      </c>
      <c r="C1328" s="27" t="s">
        <v>823</v>
      </c>
      <c r="D1328" s="31">
        <v>15830</v>
      </c>
      <c r="E1328" s="32" t="s">
        <v>836</v>
      </c>
      <c r="F1328" s="32" t="s">
        <v>2278</v>
      </c>
      <c r="G1328" s="27">
        <v>8</v>
      </c>
    </row>
    <row r="1329" spans="1:7" s="3" customFormat="1" ht="13.5" customHeight="1" x14ac:dyDescent="0.15">
      <c r="A1329" s="3">
        <v>1328</v>
      </c>
      <c r="B1329" s="30" t="s">
        <v>613</v>
      </c>
      <c r="C1329" s="27" t="s">
        <v>823</v>
      </c>
      <c r="D1329" s="31">
        <v>16590</v>
      </c>
      <c r="E1329" s="32" t="s">
        <v>1144</v>
      </c>
      <c r="F1329" s="32" t="s">
        <v>1143</v>
      </c>
      <c r="G1329" s="27">
        <v>6</v>
      </c>
    </row>
    <row r="1330" spans="1:7" s="3" customFormat="1" ht="13.5" customHeight="1" x14ac:dyDescent="0.15">
      <c r="A1330" s="3">
        <v>1329</v>
      </c>
      <c r="B1330" s="30" t="s">
        <v>613</v>
      </c>
      <c r="C1330" s="27" t="s">
        <v>823</v>
      </c>
      <c r="D1330" s="31">
        <v>19140</v>
      </c>
      <c r="E1330" s="32" t="s">
        <v>1394</v>
      </c>
      <c r="F1330" s="32" t="s">
        <v>1517</v>
      </c>
      <c r="G1330" s="27">
        <v>8</v>
      </c>
    </row>
    <row r="1331" spans="1:7" s="3" customFormat="1" ht="13.5" customHeight="1" x14ac:dyDescent="0.15">
      <c r="A1331" s="3">
        <v>1330</v>
      </c>
      <c r="B1331" s="30" t="s">
        <v>613</v>
      </c>
      <c r="C1331" s="27" t="s">
        <v>823</v>
      </c>
      <c r="D1331" s="31">
        <v>19330</v>
      </c>
      <c r="E1331" s="32" t="s">
        <v>830</v>
      </c>
      <c r="F1331" s="32" t="s">
        <v>1063</v>
      </c>
      <c r="G1331" s="27">
        <v>6</v>
      </c>
    </row>
    <row r="1332" spans="1:7" s="3" customFormat="1" ht="13.5" customHeight="1" x14ac:dyDescent="0.15">
      <c r="A1332" s="3">
        <v>1331</v>
      </c>
      <c r="B1332" s="30" t="s">
        <v>613</v>
      </c>
      <c r="C1332" s="27" t="s">
        <v>823</v>
      </c>
      <c r="D1332" s="31">
        <v>19610</v>
      </c>
      <c r="E1332" s="32" t="s">
        <v>1185</v>
      </c>
      <c r="F1332" s="32" t="s">
        <v>2360</v>
      </c>
      <c r="G1332" s="27">
        <v>6</v>
      </c>
    </row>
    <row r="1333" spans="1:7" s="3" customFormat="1" ht="13.5" customHeight="1" x14ac:dyDescent="0.15">
      <c r="A1333" s="3">
        <v>1332</v>
      </c>
      <c r="B1333" s="30" t="s">
        <v>613</v>
      </c>
      <c r="C1333" s="27" t="s">
        <v>823</v>
      </c>
      <c r="D1333" s="31">
        <v>19620</v>
      </c>
      <c r="E1333" s="32" t="s">
        <v>1230</v>
      </c>
      <c r="F1333" s="32" t="s">
        <v>1878</v>
      </c>
      <c r="G1333" s="27">
        <v>8</v>
      </c>
    </row>
    <row r="1334" spans="1:7" s="3" customFormat="1" ht="13.5" customHeight="1" x14ac:dyDescent="0.15">
      <c r="A1334" s="3">
        <v>1333</v>
      </c>
      <c r="B1334" s="30" t="s">
        <v>613</v>
      </c>
      <c r="C1334" s="27" t="s">
        <v>823</v>
      </c>
      <c r="D1334" s="31">
        <v>20070</v>
      </c>
      <c r="E1334" s="32" t="s">
        <v>733</v>
      </c>
      <c r="F1334" s="32" t="s">
        <v>1373</v>
      </c>
      <c r="G1334" s="27">
        <v>6</v>
      </c>
    </row>
    <row r="1335" spans="1:7" s="3" customFormat="1" ht="13.5" customHeight="1" x14ac:dyDescent="0.15">
      <c r="A1335" s="3">
        <v>1334</v>
      </c>
      <c r="B1335" s="30" t="s">
        <v>613</v>
      </c>
      <c r="C1335" s="27" t="s">
        <v>823</v>
      </c>
      <c r="D1335" s="31">
        <v>20580</v>
      </c>
      <c r="E1335" s="32" t="s">
        <v>1375</v>
      </c>
      <c r="F1335" s="32" t="s">
        <v>2369</v>
      </c>
      <c r="G1335" s="27">
        <v>9</v>
      </c>
    </row>
    <row r="1336" spans="1:7" s="3" customFormat="1" ht="13.5" customHeight="1" x14ac:dyDescent="0.15">
      <c r="A1336" s="3">
        <v>1335</v>
      </c>
      <c r="B1336" s="30" t="s">
        <v>613</v>
      </c>
      <c r="C1336" s="27" t="s">
        <v>823</v>
      </c>
      <c r="D1336" s="31">
        <v>21140</v>
      </c>
      <c r="E1336" s="32" t="s">
        <v>1675</v>
      </c>
      <c r="F1336" s="32" t="s">
        <v>91</v>
      </c>
      <c r="G1336" s="27">
        <v>7</v>
      </c>
    </row>
    <row r="1337" spans="1:7" s="3" customFormat="1" ht="13.5" customHeight="1" x14ac:dyDescent="0.15">
      <c r="A1337" s="3">
        <v>1336</v>
      </c>
      <c r="B1337" s="30" t="s">
        <v>613</v>
      </c>
      <c r="C1337" s="27" t="s">
        <v>823</v>
      </c>
      <c r="D1337" s="31">
        <v>21990</v>
      </c>
      <c r="E1337" s="32" t="s">
        <v>1163</v>
      </c>
      <c r="F1337" s="32" t="s">
        <v>387</v>
      </c>
      <c r="G1337" s="27">
        <v>5</v>
      </c>
    </row>
    <row r="1338" spans="1:7" s="3" customFormat="1" ht="13.5" customHeight="1" x14ac:dyDescent="0.15">
      <c r="A1338" s="3">
        <v>1337</v>
      </c>
      <c r="B1338" s="30" t="s">
        <v>613</v>
      </c>
      <c r="C1338" s="27" t="s">
        <v>823</v>
      </c>
      <c r="D1338" s="31">
        <v>22000</v>
      </c>
      <c r="E1338" s="32" t="s">
        <v>1164</v>
      </c>
      <c r="F1338" s="32" t="s">
        <v>641</v>
      </c>
      <c r="G1338" s="27">
        <v>6</v>
      </c>
    </row>
    <row r="1339" spans="1:7" s="3" customFormat="1" ht="13.5" customHeight="1" x14ac:dyDescent="0.15">
      <c r="A1339" s="3">
        <v>1338</v>
      </c>
      <c r="B1339" s="30" t="s">
        <v>613</v>
      </c>
      <c r="C1339" s="27" t="s">
        <v>823</v>
      </c>
      <c r="D1339" s="31">
        <v>22060</v>
      </c>
      <c r="E1339" s="32" t="s">
        <v>678</v>
      </c>
      <c r="F1339" s="32" t="s">
        <v>515</v>
      </c>
      <c r="G1339" s="27">
        <v>12</v>
      </c>
    </row>
    <row r="1340" spans="1:7" s="3" customFormat="1" ht="13.5" customHeight="1" x14ac:dyDescent="0.15">
      <c r="A1340" s="3">
        <v>1339</v>
      </c>
      <c r="B1340" s="30" t="s">
        <v>613</v>
      </c>
      <c r="C1340" s="27" t="s">
        <v>823</v>
      </c>
      <c r="D1340" s="31">
        <v>23250</v>
      </c>
      <c r="E1340" s="32" t="s">
        <v>290</v>
      </c>
      <c r="F1340" s="32" t="s">
        <v>388</v>
      </c>
      <c r="G1340" s="27">
        <v>6</v>
      </c>
    </row>
    <row r="1341" spans="1:7" s="3" customFormat="1" ht="13.5" customHeight="1" x14ac:dyDescent="0.15">
      <c r="A1341" s="3">
        <v>1340</v>
      </c>
      <c r="B1341" s="30" t="s">
        <v>613</v>
      </c>
      <c r="C1341" s="27" t="s">
        <v>823</v>
      </c>
      <c r="D1341" s="31">
        <v>23710</v>
      </c>
      <c r="E1341" s="32" t="s">
        <v>324</v>
      </c>
      <c r="F1341" s="32" t="s">
        <v>905</v>
      </c>
      <c r="G1341" s="27">
        <v>3</v>
      </c>
    </row>
    <row r="1342" spans="1:7" s="3" customFormat="1" ht="13.5" customHeight="1" x14ac:dyDescent="0.15">
      <c r="A1342" s="3">
        <v>1341</v>
      </c>
      <c r="B1342" s="30" t="s">
        <v>613</v>
      </c>
      <c r="C1342" s="27" t="s">
        <v>823</v>
      </c>
      <c r="D1342" s="31">
        <v>24650</v>
      </c>
      <c r="E1342" s="32" t="s">
        <v>1960</v>
      </c>
      <c r="F1342" s="32" t="s">
        <v>1196</v>
      </c>
      <c r="G1342" s="27">
        <v>3</v>
      </c>
    </row>
    <row r="1343" spans="1:7" s="3" customFormat="1" ht="13.5" customHeight="1" x14ac:dyDescent="0.15">
      <c r="A1343" s="3">
        <v>1342</v>
      </c>
      <c r="B1343" s="30" t="s">
        <v>613</v>
      </c>
      <c r="C1343" s="27" t="s">
        <v>823</v>
      </c>
      <c r="D1343" s="31">
        <v>24660</v>
      </c>
      <c r="E1343" s="32" t="s">
        <v>1961</v>
      </c>
      <c r="F1343" s="32" t="s">
        <v>919</v>
      </c>
      <c r="G1343" s="27">
        <v>12</v>
      </c>
    </row>
    <row r="1344" spans="1:7" s="3" customFormat="1" ht="13.5" customHeight="1" x14ac:dyDescent="0.15">
      <c r="A1344" s="3">
        <v>1343</v>
      </c>
      <c r="B1344" s="30" t="s">
        <v>613</v>
      </c>
      <c r="C1344" s="27" t="s">
        <v>823</v>
      </c>
      <c r="D1344" s="31">
        <v>28460</v>
      </c>
      <c r="E1344" s="32" t="s">
        <v>160</v>
      </c>
      <c r="F1344" s="32" t="s">
        <v>1194</v>
      </c>
      <c r="G1344" s="27">
        <v>6</v>
      </c>
    </row>
    <row r="1345" spans="1:7" s="3" customFormat="1" ht="13.5" customHeight="1" x14ac:dyDescent="0.15">
      <c r="A1345" s="3">
        <v>1344</v>
      </c>
      <c r="B1345" s="30" t="s">
        <v>613</v>
      </c>
      <c r="C1345" s="27" t="s">
        <v>823</v>
      </c>
      <c r="D1345" s="31">
        <v>30830</v>
      </c>
      <c r="E1345" s="32" t="s">
        <v>1672</v>
      </c>
      <c r="F1345" s="32" t="s">
        <v>1516</v>
      </c>
      <c r="G1345" s="27">
        <v>6</v>
      </c>
    </row>
    <row r="1346" spans="1:7" s="3" customFormat="1" ht="13.5" customHeight="1" x14ac:dyDescent="0.15">
      <c r="A1346" s="3">
        <v>1345</v>
      </c>
      <c r="B1346" s="30" t="s">
        <v>613</v>
      </c>
      <c r="C1346" s="27" t="s">
        <v>823</v>
      </c>
      <c r="D1346" s="31">
        <v>31800</v>
      </c>
      <c r="E1346" s="32" t="s">
        <v>106</v>
      </c>
      <c r="F1346" s="32" t="s">
        <v>1145</v>
      </c>
      <c r="G1346" s="27">
        <v>8</v>
      </c>
    </row>
    <row r="1347" spans="1:7" s="3" customFormat="1" ht="13.5" customHeight="1" x14ac:dyDescent="0.15">
      <c r="A1347" s="3">
        <v>1346</v>
      </c>
      <c r="B1347" s="30" t="s">
        <v>613</v>
      </c>
      <c r="C1347" s="27" t="s">
        <v>823</v>
      </c>
      <c r="D1347" s="31">
        <v>31810</v>
      </c>
      <c r="E1347" s="32" t="s">
        <v>107</v>
      </c>
      <c r="F1347" s="32" t="s">
        <v>92</v>
      </c>
      <c r="G1347" s="27">
        <v>6</v>
      </c>
    </row>
    <row r="1348" spans="1:7" s="3" customFormat="1" ht="13.5" customHeight="1" x14ac:dyDescent="0.15">
      <c r="A1348" s="3">
        <v>1347</v>
      </c>
      <c r="B1348" s="30" t="s">
        <v>613</v>
      </c>
      <c r="C1348" s="27" t="s">
        <v>823</v>
      </c>
      <c r="D1348" s="31">
        <v>31820</v>
      </c>
      <c r="E1348" s="32" t="s">
        <v>797</v>
      </c>
      <c r="F1348" s="32" t="s">
        <v>907</v>
      </c>
      <c r="G1348" s="27">
        <v>5</v>
      </c>
    </row>
    <row r="1349" spans="1:7" s="3" customFormat="1" ht="13.5" customHeight="1" x14ac:dyDescent="0.15">
      <c r="A1349" s="3">
        <v>1348</v>
      </c>
      <c r="B1349" s="30" t="s">
        <v>613</v>
      </c>
      <c r="C1349" s="27" t="s">
        <v>823</v>
      </c>
      <c r="D1349" s="31">
        <v>31830</v>
      </c>
      <c r="E1349" s="32" t="s">
        <v>798</v>
      </c>
      <c r="F1349" s="32" t="s">
        <v>906</v>
      </c>
      <c r="G1349" s="27">
        <v>6</v>
      </c>
    </row>
    <row r="1350" spans="1:7" s="3" customFormat="1" ht="13.5" customHeight="1" x14ac:dyDescent="0.15">
      <c r="A1350" s="3">
        <v>1349</v>
      </c>
      <c r="B1350" s="30" t="s">
        <v>613</v>
      </c>
      <c r="C1350" s="27" t="s">
        <v>823</v>
      </c>
      <c r="D1350" s="31">
        <v>33030</v>
      </c>
      <c r="E1350" s="32" t="s">
        <v>231</v>
      </c>
      <c r="F1350" s="32" t="s">
        <v>1195</v>
      </c>
      <c r="G1350" s="27">
        <v>4</v>
      </c>
    </row>
    <row r="1351" spans="1:7" s="3" customFormat="1" ht="13.5" customHeight="1" x14ac:dyDescent="0.15">
      <c r="A1351" s="3">
        <v>1350</v>
      </c>
      <c r="B1351" s="30" t="s">
        <v>613</v>
      </c>
      <c r="C1351" s="27" t="s">
        <v>823</v>
      </c>
      <c r="D1351" s="31">
        <v>33800</v>
      </c>
      <c r="E1351" s="32" t="s">
        <v>520</v>
      </c>
      <c r="F1351" s="32" t="s">
        <v>1143</v>
      </c>
      <c r="G1351" s="27">
        <v>12</v>
      </c>
    </row>
    <row r="1352" spans="1:7" s="3" customFormat="1" ht="13.5" customHeight="1" x14ac:dyDescent="0.15">
      <c r="A1352" s="3">
        <v>1351</v>
      </c>
      <c r="B1352" s="30" t="s">
        <v>613</v>
      </c>
      <c r="C1352" s="27" t="s">
        <v>823</v>
      </c>
      <c r="D1352" s="31">
        <v>33840</v>
      </c>
      <c r="E1352" s="32" t="s">
        <v>521</v>
      </c>
      <c r="F1352" s="32" t="s">
        <v>655</v>
      </c>
      <c r="G1352" s="27">
        <v>12</v>
      </c>
    </row>
    <row r="1353" spans="1:7" s="3" customFormat="1" ht="13.5" customHeight="1" x14ac:dyDescent="0.15">
      <c r="A1353" s="3">
        <v>1352</v>
      </c>
      <c r="B1353" s="30" t="s">
        <v>613</v>
      </c>
      <c r="C1353" s="27" t="s">
        <v>823</v>
      </c>
      <c r="D1353" s="31">
        <v>34490</v>
      </c>
      <c r="E1353" s="32" t="s">
        <v>80</v>
      </c>
      <c r="F1353" s="32" t="s">
        <v>920</v>
      </c>
      <c r="G1353" s="27">
        <v>6</v>
      </c>
    </row>
    <row r="1354" spans="1:7" s="3" customFormat="1" ht="13.5" customHeight="1" x14ac:dyDescent="0.15">
      <c r="A1354" s="3">
        <v>1353</v>
      </c>
      <c r="B1354" s="30" t="s">
        <v>613</v>
      </c>
      <c r="C1354" s="27" t="s">
        <v>823</v>
      </c>
      <c r="D1354" s="31">
        <v>34540</v>
      </c>
      <c r="E1354" s="32" t="s">
        <v>95</v>
      </c>
      <c r="F1354" s="32" t="s">
        <v>1562</v>
      </c>
      <c r="G1354" s="27">
        <v>6</v>
      </c>
    </row>
    <row r="1355" spans="1:7" s="3" customFormat="1" ht="13.5" customHeight="1" x14ac:dyDescent="0.15">
      <c r="A1355" s="3">
        <v>1354</v>
      </c>
      <c r="B1355" s="30" t="s">
        <v>613</v>
      </c>
      <c r="C1355" s="27" t="s">
        <v>823</v>
      </c>
      <c r="D1355" s="31">
        <v>34740</v>
      </c>
      <c r="E1355" s="32" t="s">
        <v>223</v>
      </c>
      <c r="F1355" s="32" t="s">
        <v>2586</v>
      </c>
      <c r="G1355" s="27">
        <v>4</v>
      </c>
    </row>
    <row r="1356" spans="1:7" s="3" customFormat="1" ht="13.5" customHeight="1" x14ac:dyDescent="0.15">
      <c r="A1356" s="3">
        <v>1355</v>
      </c>
      <c r="B1356" s="30" t="s">
        <v>613</v>
      </c>
      <c r="C1356" s="27" t="s">
        <v>823</v>
      </c>
      <c r="D1356" s="31">
        <v>36240</v>
      </c>
      <c r="E1356" s="32" t="s">
        <v>419</v>
      </c>
      <c r="F1356" s="32" t="s">
        <v>2279</v>
      </c>
      <c r="G1356" s="27">
        <v>10</v>
      </c>
    </row>
    <row r="1357" spans="1:7" s="3" customFormat="1" ht="13.5" customHeight="1" x14ac:dyDescent="0.15">
      <c r="A1357" s="3">
        <v>1356</v>
      </c>
      <c r="B1357" s="30" t="s">
        <v>613</v>
      </c>
      <c r="C1357" s="27" t="s">
        <v>823</v>
      </c>
      <c r="D1357" s="31">
        <v>36280</v>
      </c>
      <c r="E1357" s="32" t="s">
        <v>421</v>
      </c>
      <c r="F1357" s="32" t="s">
        <v>1090</v>
      </c>
      <c r="G1357" s="27">
        <v>9</v>
      </c>
    </row>
    <row r="1358" spans="1:7" s="3" customFormat="1" ht="13.5" customHeight="1" x14ac:dyDescent="0.15">
      <c r="A1358" s="3">
        <v>1357</v>
      </c>
      <c r="B1358" s="30" t="s">
        <v>613</v>
      </c>
      <c r="C1358" s="27" t="s">
        <v>823</v>
      </c>
      <c r="D1358" s="31">
        <v>39400</v>
      </c>
      <c r="E1358" s="32" t="s">
        <v>3039</v>
      </c>
      <c r="F1358" s="32" t="s">
        <v>1726</v>
      </c>
      <c r="G1358" s="27">
        <v>6</v>
      </c>
    </row>
    <row r="1359" spans="1:7" s="3" customFormat="1" ht="13.5" customHeight="1" x14ac:dyDescent="0.15">
      <c r="A1359" s="3">
        <v>1358</v>
      </c>
      <c r="B1359" s="30" t="s">
        <v>613</v>
      </c>
      <c r="C1359" s="27" t="s">
        <v>823</v>
      </c>
      <c r="D1359" s="31">
        <v>39500</v>
      </c>
      <c r="E1359" s="32" t="s">
        <v>3043</v>
      </c>
      <c r="F1359" s="32" t="s">
        <v>2280</v>
      </c>
      <c r="G1359" s="27">
        <v>9</v>
      </c>
    </row>
    <row r="1360" spans="1:7" s="3" customFormat="1" ht="13.5" customHeight="1" x14ac:dyDescent="0.15">
      <c r="A1360" s="3">
        <v>1359</v>
      </c>
      <c r="B1360" s="30" t="s">
        <v>613</v>
      </c>
      <c r="C1360" s="27" t="s">
        <v>1089</v>
      </c>
      <c r="D1360" s="34">
        <v>40370</v>
      </c>
      <c r="E1360" s="32" t="s">
        <v>3058</v>
      </c>
      <c r="F1360" s="32" t="s">
        <v>921</v>
      </c>
      <c r="G1360" s="27">
        <v>9</v>
      </c>
    </row>
    <row r="1361" spans="1:7" s="3" customFormat="1" ht="13.5" customHeight="1" x14ac:dyDescent="0.15">
      <c r="A1361" s="3">
        <v>1360</v>
      </c>
      <c r="B1361" s="30" t="s">
        <v>613</v>
      </c>
      <c r="C1361" s="27" t="s">
        <v>1089</v>
      </c>
      <c r="D1361" s="28">
        <v>41200</v>
      </c>
      <c r="E1361" s="29" t="s">
        <v>869</v>
      </c>
      <c r="F1361" s="32" t="s">
        <v>516</v>
      </c>
      <c r="G1361" s="27">
        <v>10</v>
      </c>
    </row>
    <row r="1362" spans="1:7" s="3" customFormat="1" ht="13.5" customHeight="1" x14ac:dyDescent="0.15">
      <c r="A1362" s="3">
        <v>1361</v>
      </c>
      <c r="B1362" s="30" t="s">
        <v>613</v>
      </c>
      <c r="C1362" s="35" t="s">
        <v>1126</v>
      </c>
      <c r="D1362" s="28">
        <v>41400</v>
      </c>
      <c r="E1362" s="36" t="s">
        <v>1962</v>
      </c>
      <c r="F1362" s="29" t="s">
        <v>2282</v>
      </c>
      <c r="G1362" s="27">
        <v>12</v>
      </c>
    </row>
    <row r="1363" spans="1:7" s="3" customFormat="1" ht="13.5" customHeight="1" x14ac:dyDescent="0.15">
      <c r="A1363" s="3">
        <v>1362</v>
      </c>
      <c r="B1363" s="30" t="s">
        <v>613</v>
      </c>
      <c r="C1363" s="27" t="s">
        <v>579</v>
      </c>
      <c r="D1363" s="28">
        <v>41860</v>
      </c>
      <c r="E1363" s="38" t="s">
        <v>1971</v>
      </c>
      <c r="F1363" s="36" t="s">
        <v>219</v>
      </c>
      <c r="G1363" s="27">
        <v>5</v>
      </c>
    </row>
    <row r="1364" spans="1:7" s="3" customFormat="1" ht="13.5" customHeight="1" x14ac:dyDescent="0.15">
      <c r="A1364" s="3">
        <v>1363</v>
      </c>
      <c r="B1364" s="30" t="s">
        <v>613</v>
      </c>
      <c r="C1364" s="27" t="s">
        <v>823</v>
      </c>
      <c r="D1364" s="31">
        <v>41910</v>
      </c>
      <c r="E1364" s="32" t="s">
        <v>54</v>
      </c>
      <c r="F1364" s="32" t="s">
        <v>918</v>
      </c>
      <c r="G1364" s="27">
        <v>5</v>
      </c>
    </row>
    <row r="1365" spans="1:7" s="3" customFormat="1" ht="13.5" customHeight="1" x14ac:dyDescent="0.15">
      <c r="A1365" s="3">
        <v>1364</v>
      </c>
      <c r="B1365" s="30" t="s">
        <v>613</v>
      </c>
      <c r="C1365" s="35" t="s">
        <v>1126</v>
      </c>
      <c r="D1365" s="28">
        <v>42120</v>
      </c>
      <c r="E1365" s="36" t="s">
        <v>1549</v>
      </c>
      <c r="F1365" s="32" t="s">
        <v>875</v>
      </c>
      <c r="G1365" s="27">
        <v>6</v>
      </c>
    </row>
    <row r="1366" spans="1:7" s="3" customFormat="1" ht="13.5" customHeight="1" x14ac:dyDescent="0.15">
      <c r="A1366" s="3">
        <v>1365</v>
      </c>
      <c r="B1366" s="30" t="s">
        <v>613</v>
      </c>
      <c r="C1366" s="27" t="s">
        <v>1126</v>
      </c>
      <c r="D1366" s="34">
        <v>42850</v>
      </c>
      <c r="E1366" s="32" t="s">
        <v>2158</v>
      </c>
      <c r="F1366" s="32" t="s">
        <v>2159</v>
      </c>
      <c r="G1366" s="27">
        <v>2</v>
      </c>
    </row>
    <row r="1367" spans="1:7" s="3" customFormat="1" ht="13.5" customHeight="1" x14ac:dyDescent="0.15">
      <c r="A1367" s="3">
        <v>1366</v>
      </c>
      <c r="B1367" s="30" t="s">
        <v>613</v>
      </c>
      <c r="C1367" s="27" t="s">
        <v>1126</v>
      </c>
      <c r="D1367" s="34">
        <v>143020</v>
      </c>
      <c r="E1367" s="32" t="s">
        <v>2321</v>
      </c>
      <c r="F1367" s="32" t="s">
        <v>2322</v>
      </c>
      <c r="G1367" s="27">
        <v>8</v>
      </c>
    </row>
    <row r="1368" spans="1:7" s="3" customFormat="1" ht="13.5" customHeight="1" x14ac:dyDescent="0.15">
      <c r="A1368" s="3">
        <v>1367</v>
      </c>
      <c r="B1368" s="30" t="s">
        <v>613</v>
      </c>
      <c r="C1368" s="27" t="s">
        <v>1126</v>
      </c>
      <c r="D1368" s="34">
        <v>143170</v>
      </c>
      <c r="E1368" s="32" t="s">
        <v>2335</v>
      </c>
      <c r="F1368" s="32" t="s">
        <v>2451</v>
      </c>
      <c r="G1368" s="27">
        <v>6</v>
      </c>
    </row>
    <row r="1369" spans="1:7" s="3" customFormat="1" ht="13.5" customHeight="1" x14ac:dyDescent="0.15">
      <c r="A1369" s="3">
        <v>1368</v>
      </c>
      <c r="B1369" s="30" t="s">
        <v>613</v>
      </c>
      <c r="C1369" s="27" t="s">
        <v>1089</v>
      </c>
      <c r="D1369" s="34">
        <v>143320</v>
      </c>
      <c r="E1369" s="32" t="s">
        <v>2389</v>
      </c>
      <c r="F1369" s="32" t="s">
        <v>2390</v>
      </c>
      <c r="G1369" s="27">
        <v>2</v>
      </c>
    </row>
    <row r="1370" spans="1:7" s="3" customFormat="1" ht="13.5" customHeight="1" x14ac:dyDescent="0.15">
      <c r="A1370" s="3">
        <v>1369</v>
      </c>
      <c r="B1370" s="30" t="s">
        <v>613</v>
      </c>
      <c r="C1370" s="27" t="s">
        <v>823</v>
      </c>
      <c r="D1370" s="31">
        <v>143350</v>
      </c>
      <c r="E1370" s="32" t="s">
        <v>2395</v>
      </c>
      <c r="F1370" s="32" t="s">
        <v>2396</v>
      </c>
      <c r="G1370" s="27">
        <v>8</v>
      </c>
    </row>
    <row r="1371" spans="1:7" s="3" customFormat="1" ht="13.5" customHeight="1" x14ac:dyDescent="0.15">
      <c r="A1371" s="3">
        <v>1370</v>
      </c>
      <c r="B1371" s="30" t="s">
        <v>613</v>
      </c>
      <c r="C1371" s="27" t="s">
        <v>1126</v>
      </c>
      <c r="D1371" s="31">
        <v>143640</v>
      </c>
      <c r="E1371" s="32" t="s">
        <v>2455</v>
      </c>
      <c r="F1371" s="32" t="s">
        <v>2456</v>
      </c>
      <c r="G1371" s="27">
        <v>6</v>
      </c>
    </row>
    <row r="1372" spans="1:7" s="3" customFormat="1" ht="13.5" customHeight="1" x14ac:dyDescent="0.15">
      <c r="A1372" s="3">
        <v>1371</v>
      </c>
      <c r="B1372" s="30" t="s">
        <v>613</v>
      </c>
      <c r="C1372" s="27" t="s">
        <v>1126</v>
      </c>
      <c r="D1372" s="31">
        <v>143820</v>
      </c>
      <c r="E1372" s="32" t="s">
        <v>2474</v>
      </c>
      <c r="F1372" s="32" t="s">
        <v>2475</v>
      </c>
      <c r="G1372" s="27">
        <v>10</v>
      </c>
    </row>
    <row r="1373" spans="1:7" s="3" customFormat="1" ht="13.5" customHeight="1" x14ac:dyDescent="0.15">
      <c r="A1373" s="3">
        <v>1372</v>
      </c>
      <c r="B1373" s="30" t="s">
        <v>613</v>
      </c>
      <c r="C1373" s="27" t="s">
        <v>1126</v>
      </c>
      <c r="D1373" s="31">
        <v>144000</v>
      </c>
      <c r="E1373" s="32" t="s">
        <v>2505</v>
      </c>
      <c r="F1373" s="32" t="s">
        <v>2549</v>
      </c>
      <c r="G1373" s="27">
        <v>3</v>
      </c>
    </row>
    <row r="1374" spans="1:7" s="3" customFormat="1" ht="13.5" customHeight="1" x14ac:dyDescent="0.15">
      <c r="A1374" s="3">
        <v>1373</v>
      </c>
      <c r="B1374" s="30" t="s">
        <v>613</v>
      </c>
      <c r="C1374" s="27" t="s">
        <v>579</v>
      </c>
      <c r="D1374" s="28">
        <v>144720</v>
      </c>
      <c r="E1374" s="29" t="s">
        <v>2648</v>
      </c>
      <c r="F1374" s="29" t="s">
        <v>2671</v>
      </c>
      <c r="G1374" s="27">
        <v>12</v>
      </c>
    </row>
    <row r="1375" spans="1:7" s="3" customFormat="1" ht="13.5" customHeight="1" x14ac:dyDescent="0.15">
      <c r="A1375" s="3">
        <v>1374</v>
      </c>
      <c r="B1375" s="30" t="s">
        <v>613</v>
      </c>
      <c r="C1375" s="27" t="s">
        <v>579</v>
      </c>
      <c r="D1375" s="31">
        <v>144910</v>
      </c>
      <c r="E1375" s="29" t="s">
        <v>2698</v>
      </c>
      <c r="F1375" s="29" t="s">
        <v>2689</v>
      </c>
      <c r="G1375" s="27">
        <v>8</v>
      </c>
    </row>
    <row r="1376" spans="1:7" s="3" customFormat="1" ht="13.5" customHeight="1" x14ac:dyDescent="0.15">
      <c r="A1376" s="3">
        <v>1375</v>
      </c>
      <c r="B1376" s="30" t="s">
        <v>613</v>
      </c>
      <c r="C1376" s="27" t="s">
        <v>579</v>
      </c>
      <c r="D1376" s="28">
        <v>144960</v>
      </c>
      <c r="E1376" s="29" t="s">
        <v>2703</v>
      </c>
      <c r="F1376" s="29" t="s">
        <v>2694</v>
      </c>
      <c r="G1376" s="27">
        <v>12</v>
      </c>
    </row>
    <row r="1377" spans="1:46" s="3" customFormat="1" ht="13.5" customHeight="1" x14ac:dyDescent="0.15">
      <c r="A1377" s="3">
        <v>1376</v>
      </c>
      <c r="B1377" s="30" t="s">
        <v>613</v>
      </c>
      <c r="C1377" s="27" t="s">
        <v>1089</v>
      </c>
      <c r="D1377" s="31">
        <v>145320</v>
      </c>
      <c r="E1377" s="29" t="s">
        <v>2831</v>
      </c>
      <c r="F1377" s="40" t="s">
        <v>2803</v>
      </c>
      <c r="G1377" s="27">
        <v>8</v>
      </c>
    </row>
    <row r="1378" spans="1:46" s="3" customFormat="1" ht="13.5" customHeight="1" x14ac:dyDescent="0.15">
      <c r="A1378" s="3">
        <v>1377</v>
      </c>
      <c r="B1378" s="30" t="s">
        <v>613</v>
      </c>
      <c r="C1378" s="27" t="s">
        <v>579</v>
      </c>
      <c r="D1378" s="28">
        <v>145710</v>
      </c>
      <c r="E1378" s="29" t="s">
        <v>2918</v>
      </c>
      <c r="F1378" s="29" t="s">
        <v>2908</v>
      </c>
      <c r="G1378" s="27">
        <v>6</v>
      </c>
    </row>
    <row r="1379" spans="1:46" s="3" customFormat="1" ht="13.5" customHeight="1" x14ac:dyDescent="0.15">
      <c r="A1379" s="3">
        <v>1378</v>
      </c>
      <c r="B1379" s="26" t="s">
        <v>3203</v>
      </c>
      <c r="C1379" s="27" t="s">
        <v>3204</v>
      </c>
      <c r="D1379" s="28">
        <v>146310</v>
      </c>
      <c r="E1379" s="29" t="s">
        <v>3205</v>
      </c>
      <c r="F1379" s="29" t="s">
        <v>3206</v>
      </c>
      <c r="G1379" s="27">
        <v>1</v>
      </c>
      <c r="H1379" s="2"/>
      <c r="I1379" s="2"/>
      <c r="J1379" s="2"/>
      <c r="K1379" s="2"/>
      <c r="L1379" s="2"/>
      <c r="M1379" s="2"/>
      <c r="N1379" s="2"/>
      <c r="O1379" s="2"/>
      <c r="P1379" s="2"/>
      <c r="Q1379" s="2"/>
      <c r="R1379" s="2"/>
      <c r="S1379" s="2"/>
      <c r="T1379" s="2"/>
      <c r="U1379" s="2"/>
      <c r="V1379" s="2"/>
      <c r="W1379" s="2"/>
      <c r="X1379" s="2"/>
      <c r="Y1379" s="2"/>
      <c r="Z1379" s="2"/>
      <c r="AA1379" s="2"/>
      <c r="AB1379" s="2"/>
      <c r="AC1379" s="2"/>
      <c r="AD1379" s="2"/>
      <c r="AE1379" s="2"/>
      <c r="AF1379" s="2"/>
      <c r="AG1379" s="2"/>
      <c r="AH1379" s="2"/>
      <c r="AI1379" s="2"/>
      <c r="AJ1379" s="2"/>
      <c r="AK1379" s="2"/>
      <c r="AL1379" s="2"/>
      <c r="AM1379" s="2"/>
      <c r="AN1379" s="2"/>
      <c r="AO1379" s="2"/>
      <c r="AP1379" s="2"/>
      <c r="AQ1379" s="2"/>
      <c r="AR1379" s="2"/>
      <c r="AS1379" s="2"/>
      <c r="AT1379" s="2"/>
    </row>
    <row r="1380" spans="1:46" s="3" customFormat="1" ht="13.5" customHeight="1" x14ac:dyDescent="0.15">
      <c r="A1380" s="3">
        <v>1379</v>
      </c>
      <c r="B1380" s="30" t="s">
        <v>613</v>
      </c>
      <c r="C1380" s="27" t="s">
        <v>3411</v>
      </c>
      <c r="D1380" s="28">
        <v>147080</v>
      </c>
      <c r="E1380" s="29" t="s">
        <v>3369</v>
      </c>
      <c r="F1380" s="29" t="s">
        <v>3390</v>
      </c>
      <c r="G1380" s="27">
        <v>12</v>
      </c>
      <c r="H1380" s="2"/>
      <c r="I1380" s="2"/>
      <c r="J1380" s="2"/>
      <c r="K1380" s="2"/>
      <c r="L1380" s="2"/>
      <c r="M1380" s="2"/>
      <c r="N1380" s="2"/>
      <c r="O1380" s="2"/>
      <c r="P1380" s="2"/>
      <c r="Q1380" s="2"/>
      <c r="R1380" s="2"/>
      <c r="S1380" s="2"/>
      <c r="T1380" s="2"/>
      <c r="U1380" s="2"/>
      <c r="V1380" s="2"/>
      <c r="W1380" s="2"/>
      <c r="X1380" s="2"/>
      <c r="Y1380" s="2"/>
      <c r="Z1380" s="2"/>
      <c r="AA1380" s="2"/>
      <c r="AB1380" s="2"/>
      <c r="AC1380" s="2"/>
      <c r="AD1380" s="2"/>
      <c r="AE1380" s="2"/>
      <c r="AF1380" s="2"/>
      <c r="AG1380" s="2"/>
      <c r="AH1380" s="2"/>
      <c r="AI1380" s="2"/>
      <c r="AJ1380" s="2"/>
      <c r="AK1380" s="2"/>
      <c r="AL1380" s="2"/>
      <c r="AM1380" s="2"/>
      <c r="AN1380" s="2"/>
      <c r="AO1380" s="2"/>
      <c r="AP1380" s="2"/>
      <c r="AQ1380" s="2"/>
      <c r="AR1380" s="2"/>
      <c r="AS1380" s="2"/>
      <c r="AT1380" s="2"/>
    </row>
    <row r="1381" spans="1:46" s="3" customFormat="1" ht="13.5" customHeight="1" x14ac:dyDescent="0.15">
      <c r="A1381" s="3">
        <v>1380</v>
      </c>
      <c r="B1381" s="30" t="s">
        <v>613</v>
      </c>
      <c r="C1381" s="27" t="s">
        <v>3411</v>
      </c>
      <c r="D1381" s="28">
        <v>147210</v>
      </c>
      <c r="E1381" s="29" t="s">
        <v>3382</v>
      </c>
      <c r="F1381" s="29" t="s">
        <v>3403</v>
      </c>
      <c r="G1381" s="27">
        <v>8</v>
      </c>
      <c r="H1381" s="2"/>
      <c r="I1381" s="2"/>
      <c r="J1381" s="2"/>
      <c r="K1381" s="2"/>
      <c r="L1381" s="2"/>
      <c r="M1381" s="2"/>
      <c r="N1381" s="2"/>
      <c r="O1381" s="2"/>
      <c r="P1381" s="2"/>
      <c r="Q1381" s="2"/>
      <c r="R1381" s="2"/>
      <c r="S1381" s="2"/>
      <c r="T1381" s="2"/>
      <c r="U1381" s="2"/>
      <c r="V1381" s="2"/>
      <c r="W1381" s="2"/>
      <c r="X1381" s="2"/>
      <c r="Y1381" s="2"/>
      <c r="Z1381" s="2"/>
      <c r="AA1381" s="2"/>
      <c r="AB1381" s="2"/>
      <c r="AC1381" s="2"/>
      <c r="AD1381" s="2"/>
      <c r="AE1381" s="2"/>
      <c r="AF1381" s="2"/>
      <c r="AG1381" s="2"/>
      <c r="AH1381" s="2"/>
      <c r="AI1381" s="2"/>
      <c r="AJ1381" s="2"/>
      <c r="AK1381" s="2"/>
      <c r="AL1381" s="2"/>
      <c r="AM1381" s="2"/>
      <c r="AN1381" s="2"/>
      <c r="AO1381" s="2"/>
      <c r="AP1381" s="2"/>
      <c r="AQ1381" s="2"/>
      <c r="AR1381" s="2"/>
      <c r="AS1381" s="2"/>
      <c r="AT1381" s="2"/>
    </row>
    <row r="1382" spans="1:46" s="3" customFormat="1" ht="13.5" customHeight="1" x14ac:dyDescent="0.15">
      <c r="A1382" s="3">
        <v>1381</v>
      </c>
      <c r="B1382" s="26" t="s">
        <v>1051</v>
      </c>
      <c r="C1382" s="27" t="s">
        <v>822</v>
      </c>
      <c r="D1382" s="28">
        <v>731</v>
      </c>
      <c r="E1382" s="29" t="s">
        <v>1176</v>
      </c>
      <c r="F1382" s="29" t="s">
        <v>3592</v>
      </c>
      <c r="G1382" s="27">
        <v>3</v>
      </c>
      <c r="H1382" s="2"/>
      <c r="I1382" s="2"/>
      <c r="J1382" s="2"/>
      <c r="K1382" s="2"/>
      <c r="L1382" s="2"/>
      <c r="M1382" s="2"/>
      <c r="N1382" s="2"/>
      <c r="O1382" s="2"/>
      <c r="P1382" s="2"/>
      <c r="Q1382" s="2"/>
      <c r="R1382" s="2"/>
      <c r="S1382" s="2"/>
      <c r="T1382" s="2"/>
      <c r="U1382" s="2"/>
      <c r="V1382" s="2"/>
      <c r="W1382" s="2"/>
      <c r="X1382" s="2"/>
      <c r="Y1382" s="2"/>
      <c r="Z1382" s="2"/>
      <c r="AA1382" s="2"/>
      <c r="AB1382" s="2"/>
      <c r="AC1382" s="2"/>
      <c r="AD1382" s="2"/>
      <c r="AE1382" s="2"/>
      <c r="AF1382" s="2"/>
      <c r="AG1382" s="2"/>
      <c r="AH1382" s="2"/>
      <c r="AI1382" s="2"/>
      <c r="AJ1382" s="2"/>
      <c r="AK1382" s="2"/>
      <c r="AL1382" s="2"/>
      <c r="AM1382" s="2"/>
      <c r="AN1382" s="2"/>
      <c r="AO1382" s="2"/>
      <c r="AP1382" s="2"/>
      <c r="AQ1382" s="2"/>
      <c r="AR1382" s="2"/>
      <c r="AS1382" s="2"/>
      <c r="AT1382" s="2"/>
    </row>
    <row r="1383" spans="1:46" s="3" customFormat="1" ht="13.5" customHeight="1" x14ac:dyDescent="0.15">
      <c r="A1383" s="3">
        <v>1382</v>
      </c>
      <c r="B1383" s="30" t="s">
        <v>613</v>
      </c>
      <c r="C1383" s="27" t="s">
        <v>822</v>
      </c>
      <c r="D1383" s="31">
        <v>3980</v>
      </c>
      <c r="E1383" s="32" t="s">
        <v>795</v>
      </c>
      <c r="F1383" s="32" t="s">
        <v>679</v>
      </c>
      <c r="G1383" s="27">
        <v>6</v>
      </c>
    </row>
    <row r="1384" spans="1:46" s="3" customFormat="1" ht="13.5" customHeight="1" x14ac:dyDescent="0.15">
      <c r="A1384" s="3">
        <v>1383</v>
      </c>
      <c r="B1384" s="30" t="s">
        <v>613</v>
      </c>
      <c r="C1384" s="27" t="s">
        <v>822</v>
      </c>
      <c r="D1384" s="31">
        <v>4690</v>
      </c>
      <c r="E1384" s="32" t="s">
        <v>1371</v>
      </c>
      <c r="F1384" s="32" t="s">
        <v>1165</v>
      </c>
      <c r="G1384" s="27">
        <v>6</v>
      </c>
      <c r="H1384" s="10"/>
      <c r="I1384" s="10"/>
      <c r="J1384" s="10"/>
      <c r="K1384" s="10"/>
      <c r="L1384" s="10"/>
      <c r="M1384" s="10"/>
      <c r="N1384" s="10"/>
      <c r="O1384" s="10"/>
      <c r="P1384" s="10"/>
      <c r="Q1384" s="10"/>
      <c r="R1384" s="10"/>
      <c r="S1384" s="10"/>
      <c r="T1384" s="10"/>
      <c r="U1384" s="10"/>
      <c r="V1384" s="10"/>
      <c r="W1384" s="10"/>
      <c r="X1384" s="10"/>
      <c r="Y1384" s="10"/>
      <c r="Z1384" s="10"/>
      <c r="AA1384" s="10"/>
      <c r="AB1384" s="10"/>
      <c r="AC1384" s="10"/>
      <c r="AD1384" s="10"/>
      <c r="AE1384" s="10"/>
      <c r="AF1384" s="10"/>
      <c r="AG1384" s="10"/>
      <c r="AH1384" s="10"/>
      <c r="AI1384" s="10"/>
      <c r="AJ1384" s="10"/>
      <c r="AK1384" s="10"/>
      <c r="AL1384" s="10"/>
      <c r="AM1384" s="10"/>
      <c r="AN1384" s="10"/>
      <c r="AO1384" s="10"/>
      <c r="AP1384" s="10"/>
      <c r="AQ1384" s="10"/>
      <c r="AR1384" s="10"/>
      <c r="AS1384" s="10"/>
      <c r="AT1384" s="10"/>
    </row>
    <row r="1385" spans="1:46" s="3" customFormat="1" ht="13.5" customHeight="1" x14ac:dyDescent="0.15">
      <c r="A1385" s="3">
        <v>1384</v>
      </c>
      <c r="B1385" s="30" t="s">
        <v>613</v>
      </c>
      <c r="C1385" s="27" t="s">
        <v>822</v>
      </c>
      <c r="D1385" s="31">
        <v>5820</v>
      </c>
      <c r="E1385" s="32" t="s">
        <v>2358</v>
      </c>
      <c r="F1385" s="32" t="s">
        <v>45</v>
      </c>
      <c r="G1385" s="27">
        <v>6</v>
      </c>
    </row>
    <row r="1386" spans="1:46" s="3" customFormat="1" ht="13.5" customHeight="1" x14ac:dyDescent="0.15">
      <c r="A1386" s="3">
        <v>1385</v>
      </c>
      <c r="B1386" s="30" t="s">
        <v>613</v>
      </c>
      <c r="C1386" s="27" t="s">
        <v>822</v>
      </c>
      <c r="D1386" s="31">
        <v>5910</v>
      </c>
      <c r="E1386" s="32" t="s">
        <v>1545</v>
      </c>
      <c r="F1386" s="32" t="s">
        <v>682</v>
      </c>
      <c r="G1386" s="27">
        <v>6</v>
      </c>
    </row>
    <row r="1387" spans="1:46" s="3" customFormat="1" ht="13.5" customHeight="1" x14ac:dyDescent="0.15">
      <c r="A1387" s="3">
        <v>1386</v>
      </c>
      <c r="B1387" s="30" t="s">
        <v>613</v>
      </c>
      <c r="C1387" s="27" t="s">
        <v>822</v>
      </c>
      <c r="D1387" s="31">
        <v>6540</v>
      </c>
      <c r="E1387" s="32" t="s">
        <v>2022</v>
      </c>
      <c r="F1387" s="32" t="s">
        <v>895</v>
      </c>
      <c r="G1387" s="27">
        <v>6</v>
      </c>
    </row>
    <row r="1388" spans="1:46" s="3" customFormat="1" ht="13.5" customHeight="1" x14ac:dyDescent="0.15">
      <c r="A1388" s="3">
        <v>1387</v>
      </c>
      <c r="B1388" s="30" t="s">
        <v>613</v>
      </c>
      <c r="C1388" s="27" t="s">
        <v>822</v>
      </c>
      <c r="D1388" s="31">
        <v>8110</v>
      </c>
      <c r="E1388" s="32" t="s">
        <v>1342</v>
      </c>
      <c r="F1388" s="32" t="s">
        <v>681</v>
      </c>
      <c r="G1388" s="27">
        <v>6</v>
      </c>
    </row>
    <row r="1389" spans="1:46" s="3" customFormat="1" ht="13.5" customHeight="1" x14ac:dyDescent="0.15">
      <c r="A1389" s="3">
        <v>1388</v>
      </c>
      <c r="B1389" s="30" t="s">
        <v>613</v>
      </c>
      <c r="C1389" s="27" t="s">
        <v>822</v>
      </c>
      <c r="D1389" s="31">
        <v>8710</v>
      </c>
      <c r="E1389" s="32" t="s">
        <v>1719</v>
      </c>
      <c r="F1389" s="32" t="s">
        <v>1155</v>
      </c>
      <c r="G1389" s="27">
        <v>9</v>
      </c>
    </row>
    <row r="1390" spans="1:46" s="3" customFormat="1" ht="13.5" customHeight="1" x14ac:dyDescent="0.15">
      <c r="A1390" s="3">
        <v>1389</v>
      </c>
      <c r="B1390" s="30" t="s">
        <v>613</v>
      </c>
      <c r="C1390" s="27" t="s">
        <v>822</v>
      </c>
      <c r="D1390" s="31">
        <v>8860</v>
      </c>
      <c r="E1390" s="32" t="s">
        <v>1673</v>
      </c>
      <c r="F1390" s="32" t="s">
        <v>318</v>
      </c>
      <c r="G1390" s="27">
        <v>6</v>
      </c>
    </row>
    <row r="1391" spans="1:46" s="3" customFormat="1" ht="13.5" customHeight="1" x14ac:dyDescent="0.15">
      <c r="A1391" s="3">
        <v>1390</v>
      </c>
      <c r="B1391" s="30" t="s">
        <v>613</v>
      </c>
      <c r="C1391" s="27" t="s">
        <v>822</v>
      </c>
      <c r="D1391" s="31">
        <v>11610</v>
      </c>
      <c r="E1391" s="32" t="s">
        <v>1649</v>
      </c>
      <c r="F1391" s="32" t="s">
        <v>1243</v>
      </c>
      <c r="G1391" s="27">
        <v>3</v>
      </c>
    </row>
    <row r="1392" spans="1:46" s="3" customFormat="1" ht="13.5" customHeight="1" x14ac:dyDescent="0.15">
      <c r="A1392" s="3">
        <v>1391</v>
      </c>
      <c r="B1392" s="30" t="s">
        <v>613</v>
      </c>
      <c r="C1392" s="27" t="s">
        <v>822</v>
      </c>
      <c r="D1392" s="31">
        <v>11800</v>
      </c>
      <c r="E1392" s="32" t="s">
        <v>1872</v>
      </c>
      <c r="F1392" s="32" t="s">
        <v>1247</v>
      </c>
      <c r="G1392" s="27">
        <v>12</v>
      </c>
    </row>
    <row r="1393" spans="1:46" s="3" customFormat="1" ht="13.5" customHeight="1" x14ac:dyDescent="0.15">
      <c r="A1393" s="3">
        <v>1392</v>
      </c>
      <c r="B1393" s="30" t="s">
        <v>613</v>
      </c>
      <c r="C1393" s="27" t="s">
        <v>822</v>
      </c>
      <c r="D1393" s="31">
        <v>12460</v>
      </c>
      <c r="E1393" s="32" t="s">
        <v>846</v>
      </c>
      <c r="F1393" s="32" t="s">
        <v>898</v>
      </c>
      <c r="G1393" s="27">
        <v>11</v>
      </c>
    </row>
    <row r="1394" spans="1:46" s="3" customFormat="1" ht="13.5" customHeight="1" x14ac:dyDescent="0.15">
      <c r="A1394" s="3">
        <v>1393</v>
      </c>
      <c r="B1394" s="30" t="s">
        <v>613</v>
      </c>
      <c r="C1394" s="27" t="s">
        <v>822</v>
      </c>
      <c r="D1394" s="31">
        <v>14270</v>
      </c>
      <c r="E1394" s="32" t="s">
        <v>3350</v>
      </c>
      <c r="F1394" s="32" t="s">
        <v>922</v>
      </c>
      <c r="G1394" s="27">
        <v>12</v>
      </c>
    </row>
    <row r="1395" spans="1:46" s="3" customFormat="1" ht="13.5" customHeight="1" x14ac:dyDescent="0.15">
      <c r="A1395" s="3">
        <v>1394</v>
      </c>
      <c r="B1395" s="30" t="s">
        <v>613</v>
      </c>
      <c r="C1395" s="27" t="s">
        <v>822</v>
      </c>
      <c r="D1395" s="31">
        <v>14320</v>
      </c>
      <c r="E1395" s="32" t="s">
        <v>424</v>
      </c>
      <c r="F1395" s="32" t="s">
        <v>1695</v>
      </c>
      <c r="G1395" s="27">
        <v>8</v>
      </c>
    </row>
    <row r="1396" spans="1:46" s="3" customFormat="1" ht="13.5" customHeight="1" x14ac:dyDescent="0.15">
      <c r="A1396" s="3">
        <v>1395</v>
      </c>
      <c r="B1396" s="30" t="s">
        <v>613</v>
      </c>
      <c r="C1396" s="27" t="s">
        <v>822</v>
      </c>
      <c r="D1396" s="31">
        <v>14370</v>
      </c>
      <c r="E1396" s="32" t="s">
        <v>756</v>
      </c>
      <c r="F1396" s="32" t="s">
        <v>43</v>
      </c>
      <c r="G1396" s="27">
        <v>12</v>
      </c>
    </row>
    <row r="1397" spans="1:46" s="3" customFormat="1" ht="13.5" customHeight="1" x14ac:dyDescent="0.15">
      <c r="A1397" s="3">
        <v>1396</v>
      </c>
      <c r="B1397" s="30" t="s">
        <v>613</v>
      </c>
      <c r="C1397" s="27" t="s">
        <v>822</v>
      </c>
      <c r="D1397" s="31">
        <v>14670</v>
      </c>
      <c r="E1397" s="32" t="s">
        <v>688</v>
      </c>
      <c r="F1397" s="32" t="s">
        <v>876</v>
      </c>
      <c r="G1397" s="27">
        <v>12</v>
      </c>
    </row>
    <row r="1398" spans="1:46" s="3" customFormat="1" ht="13.5" customHeight="1" x14ac:dyDescent="0.15">
      <c r="A1398" s="3">
        <v>1397</v>
      </c>
      <c r="B1398" s="30" t="s">
        <v>613</v>
      </c>
      <c r="C1398" s="27" t="s">
        <v>822</v>
      </c>
      <c r="D1398" s="31">
        <v>15030</v>
      </c>
      <c r="E1398" s="32" t="s">
        <v>10</v>
      </c>
      <c r="F1398" s="32" t="s">
        <v>1692</v>
      </c>
      <c r="G1398" s="27">
        <v>12</v>
      </c>
    </row>
    <row r="1399" spans="1:46" s="3" customFormat="1" ht="13.5" customHeight="1" x14ac:dyDescent="0.15">
      <c r="A1399" s="3">
        <v>1398</v>
      </c>
      <c r="B1399" s="30" t="s">
        <v>613</v>
      </c>
      <c r="C1399" s="27" t="s">
        <v>822</v>
      </c>
      <c r="D1399" s="31">
        <v>15090</v>
      </c>
      <c r="E1399" s="32" t="s">
        <v>635</v>
      </c>
      <c r="F1399" s="32" t="s">
        <v>636</v>
      </c>
      <c r="G1399" s="27">
        <v>9</v>
      </c>
      <c r="H1399" s="2"/>
      <c r="I1399" s="2"/>
      <c r="J1399" s="2"/>
      <c r="K1399" s="2"/>
      <c r="L1399" s="2"/>
      <c r="M1399" s="2"/>
      <c r="N1399" s="2"/>
      <c r="O1399" s="2"/>
      <c r="P1399" s="2"/>
      <c r="Q1399" s="2"/>
      <c r="R1399" s="2"/>
      <c r="S1399" s="2"/>
      <c r="T1399" s="2"/>
      <c r="U1399" s="2"/>
      <c r="V1399" s="2"/>
      <c r="W1399" s="2"/>
      <c r="X1399" s="2"/>
      <c r="Y1399" s="2"/>
      <c r="Z1399" s="2"/>
      <c r="AA1399" s="2"/>
      <c r="AB1399" s="2"/>
      <c r="AC1399" s="2"/>
      <c r="AD1399" s="2"/>
      <c r="AE1399" s="2"/>
      <c r="AF1399" s="2"/>
      <c r="AG1399" s="2"/>
      <c r="AH1399" s="2"/>
      <c r="AI1399" s="2"/>
      <c r="AJ1399" s="2"/>
      <c r="AK1399" s="2"/>
      <c r="AL1399" s="2"/>
      <c r="AM1399" s="2"/>
      <c r="AN1399" s="2"/>
      <c r="AO1399" s="2"/>
      <c r="AP1399" s="2"/>
      <c r="AQ1399" s="2"/>
      <c r="AR1399" s="2"/>
      <c r="AS1399" s="2"/>
      <c r="AT1399" s="2"/>
    </row>
    <row r="1400" spans="1:46" s="3" customFormat="1" ht="13.5" customHeight="1" x14ac:dyDescent="0.15">
      <c r="A1400" s="3">
        <v>1399</v>
      </c>
      <c r="B1400" s="30" t="s">
        <v>613</v>
      </c>
      <c r="C1400" s="27" t="s">
        <v>822</v>
      </c>
      <c r="D1400" s="31">
        <v>15330</v>
      </c>
      <c r="E1400" s="32" t="s">
        <v>1121</v>
      </c>
      <c r="F1400" s="32" t="s">
        <v>316</v>
      </c>
      <c r="G1400" s="27">
        <v>6</v>
      </c>
    </row>
    <row r="1401" spans="1:46" s="3" customFormat="1" ht="13.5" customHeight="1" x14ac:dyDescent="0.15">
      <c r="A1401" s="3">
        <v>1400</v>
      </c>
      <c r="B1401" s="30" t="s">
        <v>613</v>
      </c>
      <c r="C1401" s="27" t="s">
        <v>822</v>
      </c>
      <c r="D1401" s="31">
        <v>15810</v>
      </c>
      <c r="E1401" s="32" t="s">
        <v>189</v>
      </c>
      <c r="F1401" s="32" t="s">
        <v>894</v>
      </c>
      <c r="G1401" s="27">
        <v>6</v>
      </c>
    </row>
    <row r="1402" spans="1:46" s="3" customFormat="1" ht="13.5" customHeight="1" x14ac:dyDescent="0.15">
      <c r="A1402" s="3">
        <v>1401</v>
      </c>
      <c r="B1402" s="30" t="s">
        <v>613</v>
      </c>
      <c r="C1402" s="27" t="s">
        <v>822</v>
      </c>
      <c r="D1402" s="31">
        <v>15880</v>
      </c>
      <c r="E1402" s="32" t="s">
        <v>1072</v>
      </c>
      <c r="F1402" s="32" t="s">
        <v>887</v>
      </c>
      <c r="G1402" s="27">
        <v>6</v>
      </c>
    </row>
    <row r="1403" spans="1:46" s="3" customFormat="1" ht="13.5" customHeight="1" x14ac:dyDescent="0.15">
      <c r="A1403" s="3">
        <v>1402</v>
      </c>
      <c r="B1403" s="30" t="s">
        <v>613</v>
      </c>
      <c r="C1403" s="27" t="s">
        <v>822</v>
      </c>
      <c r="D1403" s="31">
        <v>16220</v>
      </c>
      <c r="E1403" s="32" t="s">
        <v>205</v>
      </c>
      <c r="F1403" s="32" t="s">
        <v>720</v>
      </c>
      <c r="G1403" s="27">
        <v>12</v>
      </c>
    </row>
    <row r="1404" spans="1:46" s="3" customFormat="1" ht="13.5" customHeight="1" x14ac:dyDescent="0.15">
      <c r="A1404" s="3">
        <v>1403</v>
      </c>
      <c r="B1404" s="30" t="s">
        <v>613</v>
      </c>
      <c r="C1404" s="27" t="s">
        <v>822</v>
      </c>
      <c r="D1404" s="31">
        <v>18880</v>
      </c>
      <c r="E1404" s="32" t="s">
        <v>1408</v>
      </c>
      <c r="F1404" s="32" t="s">
        <v>317</v>
      </c>
      <c r="G1404" s="27">
        <v>12</v>
      </c>
    </row>
    <row r="1405" spans="1:46" s="3" customFormat="1" ht="13.5" customHeight="1" x14ac:dyDescent="0.15">
      <c r="A1405" s="3">
        <v>1404</v>
      </c>
      <c r="B1405" s="30" t="s">
        <v>613</v>
      </c>
      <c r="C1405" s="27" t="s">
        <v>822</v>
      </c>
      <c r="D1405" s="31">
        <v>19640</v>
      </c>
      <c r="E1405" s="32" t="s">
        <v>850</v>
      </c>
      <c r="F1405" s="32" t="s">
        <v>680</v>
      </c>
      <c r="G1405" s="27">
        <v>8</v>
      </c>
    </row>
    <row r="1406" spans="1:46" s="3" customFormat="1" ht="13.5" customHeight="1" x14ac:dyDescent="0.15">
      <c r="A1406" s="3">
        <v>1405</v>
      </c>
      <c r="B1406" s="30" t="s">
        <v>613</v>
      </c>
      <c r="C1406" s="27" t="s">
        <v>822</v>
      </c>
      <c r="D1406" s="31">
        <v>20210</v>
      </c>
      <c r="E1406" s="32" t="s">
        <v>1681</v>
      </c>
      <c r="F1406" s="32" t="s">
        <v>654</v>
      </c>
      <c r="G1406" s="27">
        <v>12</v>
      </c>
    </row>
    <row r="1407" spans="1:46" s="3" customFormat="1" ht="13.5" customHeight="1" x14ac:dyDescent="0.15">
      <c r="A1407" s="3">
        <v>1406</v>
      </c>
      <c r="B1407" s="30" t="s">
        <v>613</v>
      </c>
      <c r="C1407" s="27" t="s">
        <v>822</v>
      </c>
      <c r="D1407" s="31">
        <v>20850</v>
      </c>
      <c r="E1407" s="32" t="s">
        <v>310</v>
      </c>
      <c r="F1407" s="32" t="s">
        <v>1246</v>
      </c>
      <c r="G1407" s="27">
        <v>9</v>
      </c>
    </row>
    <row r="1408" spans="1:46" ht="13.5" customHeight="1" x14ac:dyDescent="0.15">
      <c r="A1408" s="3">
        <v>1407</v>
      </c>
      <c r="B1408" s="30" t="s">
        <v>613</v>
      </c>
      <c r="C1408" s="27" t="s">
        <v>822</v>
      </c>
      <c r="D1408" s="31">
        <v>20910</v>
      </c>
      <c r="E1408" s="32" t="s">
        <v>1180</v>
      </c>
      <c r="F1408" s="32" t="s">
        <v>1451</v>
      </c>
      <c r="G1408" s="27">
        <v>8</v>
      </c>
      <c r="H1408" s="3"/>
      <c r="I1408" s="3"/>
      <c r="J1408" s="3"/>
      <c r="K1408" s="3"/>
      <c r="L1408" s="3"/>
      <c r="M1408" s="3"/>
      <c r="N1408" s="3"/>
      <c r="O1408" s="3"/>
      <c r="P1408" s="3"/>
      <c r="Q1408" s="3"/>
      <c r="R1408" s="3"/>
      <c r="S1408" s="3"/>
      <c r="T1408" s="3"/>
      <c r="U1408" s="3"/>
      <c r="V1408" s="3"/>
      <c r="W1408" s="3"/>
      <c r="X1408" s="3"/>
      <c r="Y1408" s="3"/>
      <c r="Z1408" s="3"/>
      <c r="AA1408" s="3"/>
      <c r="AB1408" s="3"/>
      <c r="AC1408" s="3"/>
      <c r="AD1408" s="3"/>
      <c r="AE1408" s="3"/>
      <c r="AF1408" s="3"/>
      <c r="AG1408" s="3"/>
      <c r="AH1408" s="3"/>
      <c r="AI1408" s="3"/>
      <c r="AJ1408" s="3"/>
      <c r="AK1408" s="3"/>
      <c r="AL1408" s="3"/>
      <c r="AM1408" s="3"/>
      <c r="AN1408" s="3"/>
      <c r="AO1408" s="3"/>
      <c r="AP1408" s="3"/>
      <c r="AQ1408" s="3"/>
      <c r="AR1408" s="3"/>
      <c r="AS1408" s="3"/>
      <c r="AT1408" s="3"/>
    </row>
    <row r="1409" spans="1:46" s="3" customFormat="1" ht="13.5" customHeight="1" x14ac:dyDescent="0.15">
      <c r="A1409" s="3">
        <v>1408</v>
      </c>
      <c r="B1409" s="30" t="s">
        <v>613</v>
      </c>
      <c r="C1409" s="27" t="s">
        <v>822</v>
      </c>
      <c r="D1409" s="31">
        <v>21430</v>
      </c>
      <c r="E1409" s="32" t="s">
        <v>458</v>
      </c>
      <c r="F1409" s="32" t="s">
        <v>1450</v>
      </c>
      <c r="G1409" s="27">
        <v>6</v>
      </c>
    </row>
    <row r="1410" spans="1:46" s="3" customFormat="1" ht="13.5" customHeight="1" x14ac:dyDescent="0.15">
      <c r="A1410" s="3">
        <v>1409</v>
      </c>
      <c r="B1410" s="30" t="s">
        <v>613</v>
      </c>
      <c r="C1410" s="27" t="s">
        <v>822</v>
      </c>
      <c r="D1410" s="31">
        <v>22150</v>
      </c>
      <c r="E1410" s="32" t="s">
        <v>1158</v>
      </c>
      <c r="F1410" s="32" t="s">
        <v>1245</v>
      </c>
      <c r="G1410" s="27">
        <v>6</v>
      </c>
    </row>
    <row r="1411" spans="1:46" s="3" customFormat="1" ht="13.5" customHeight="1" x14ac:dyDescent="0.15">
      <c r="A1411" s="3">
        <v>1410</v>
      </c>
      <c r="B1411" s="30" t="s">
        <v>613</v>
      </c>
      <c r="C1411" s="27" t="s">
        <v>822</v>
      </c>
      <c r="D1411" s="31">
        <v>22390</v>
      </c>
      <c r="E1411" s="32" t="s">
        <v>891</v>
      </c>
      <c r="F1411" s="32" t="s">
        <v>1694</v>
      </c>
      <c r="G1411" s="27">
        <v>6</v>
      </c>
    </row>
    <row r="1412" spans="1:46" ht="13.5" customHeight="1" x14ac:dyDescent="0.15">
      <c r="A1412" s="3">
        <v>1411</v>
      </c>
      <c r="B1412" s="30" t="s">
        <v>613</v>
      </c>
      <c r="C1412" s="27" t="s">
        <v>822</v>
      </c>
      <c r="D1412" s="31">
        <v>25090</v>
      </c>
      <c r="E1412" s="32" t="s">
        <v>346</v>
      </c>
      <c r="F1412" s="32" t="s">
        <v>46</v>
      </c>
      <c r="G1412" s="27">
        <v>12</v>
      </c>
      <c r="H1412" s="3"/>
      <c r="I1412" s="3"/>
      <c r="J1412" s="3"/>
      <c r="K1412" s="3"/>
      <c r="L1412" s="3"/>
      <c r="M1412" s="3"/>
      <c r="N1412" s="3"/>
      <c r="O1412" s="3"/>
      <c r="P1412" s="3"/>
      <c r="Q1412" s="3"/>
      <c r="R1412" s="3"/>
      <c r="S1412" s="3"/>
      <c r="T1412" s="3"/>
      <c r="U1412" s="3"/>
      <c r="V1412" s="3"/>
      <c r="W1412" s="3"/>
      <c r="X1412" s="3"/>
      <c r="Y1412" s="3"/>
      <c r="Z1412" s="3"/>
      <c r="AA1412" s="3"/>
      <c r="AB1412" s="3"/>
      <c r="AC1412" s="3"/>
      <c r="AD1412" s="3"/>
      <c r="AE1412" s="3"/>
      <c r="AF1412" s="3"/>
      <c r="AG1412" s="3"/>
      <c r="AH1412" s="3"/>
      <c r="AI1412" s="3"/>
      <c r="AJ1412" s="3"/>
      <c r="AK1412" s="3"/>
      <c r="AL1412" s="3"/>
      <c r="AM1412" s="3"/>
      <c r="AN1412" s="3"/>
      <c r="AO1412" s="3"/>
      <c r="AP1412" s="3"/>
      <c r="AQ1412" s="3"/>
      <c r="AR1412" s="3"/>
      <c r="AS1412" s="3"/>
      <c r="AT1412" s="3"/>
    </row>
    <row r="1413" spans="1:46" s="3" customFormat="1" ht="13.5" customHeight="1" x14ac:dyDescent="0.15">
      <c r="A1413" s="3">
        <v>1412</v>
      </c>
      <c r="B1413" s="30" t="s">
        <v>613</v>
      </c>
      <c r="C1413" s="27" t="s">
        <v>822</v>
      </c>
      <c r="D1413" s="31">
        <v>26530</v>
      </c>
      <c r="E1413" s="32" t="s">
        <v>942</v>
      </c>
      <c r="F1413" s="32" t="s">
        <v>47</v>
      </c>
      <c r="G1413" s="27">
        <v>6</v>
      </c>
      <c r="H1413" s="2"/>
      <c r="I1413" s="2"/>
      <c r="J1413" s="2"/>
      <c r="K1413" s="2"/>
      <c r="L1413" s="2"/>
      <c r="M1413" s="2"/>
      <c r="N1413" s="2"/>
      <c r="O1413" s="2"/>
      <c r="P1413" s="2"/>
      <c r="Q1413" s="2"/>
      <c r="R1413" s="2"/>
      <c r="S1413" s="2"/>
      <c r="T1413" s="2"/>
      <c r="U1413" s="2"/>
      <c r="V1413" s="2"/>
      <c r="W1413" s="2"/>
      <c r="X1413" s="2"/>
      <c r="Y1413" s="2"/>
      <c r="Z1413" s="2"/>
      <c r="AA1413" s="2"/>
      <c r="AB1413" s="2"/>
      <c r="AC1413" s="2"/>
      <c r="AD1413" s="2"/>
      <c r="AE1413" s="2"/>
      <c r="AF1413" s="2"/>
      <c r="AG1413" s="2"/>
      <c r="AH1413" s="2"/>
      <c r="AI1413" s="2"/>
      <c r="AJ1413" s="2"/>
      <c r="AK1413" s="2"/>
      <c r="AL1413" s="2"/>
      <c r="AM1413" s="2"/>
      <c r="AN1413" s="2"/>
      <c r="AO1413" s="2"/>
      <c r="AP1413" s="2"/>
      <c r="AQ1413" s="2"/>
      <c r="AR1413" s="2"/>
      <c r="AS1413" s="2"/>
      <c r="AT1413" s="2"/>
    </row>
    <row r="1414" spans="1:46" s="3" customFormat="1" ht="13.5" customHeight="1" x14ac:dyDescent="0.15">
      <c r="A1414" s="3">
        <v>1413</v>
      </c>
      <c r="B1414" s="30" t="s">
        <v>613</v>
      </c>
      <c r="C1414" s="27" t="s">
        <v>822</v>
      </c>
      <c r="D1414" s="31">
        <v>26630</v>
      </c>
      <c r="E1414" s="32" t="s">
        <v>945</v>
      </c>
      <c r="F1414" s="32" t="s">
        <v>529</v>
      </c>
      <c r="G1414" s="27">
        <v>6</v>
      </c>
    </row>
    <row r="1415" spans="1:46" s="3" customFormat="1" ht="13.5" customHeight="1" x14ac:dyDescent="0.15">
      <c r="A1415" s="3">
        <v>1414</v>
      </c>
      <c r="B1415" s="30" t="s">
        <v>613</v>
      </c>
      <c r="C1415" s="27" t="s">
        <v>822</v>
      </c>
      <c r="D1415" s="31">
        <v>26990</v>
      </c>
      <c r="E1415" s="32" t="s">
        <v>568</v>
      </c>
      <c r="F1415" s="32" t="s">
        <v>41</v>
      </c>
      <c r="G1415" s="27">
        <v>2</v>
      </c>
    </row>
    <row r="1416" spans="1:46" s="3" customFormat="1" ht="13.5" customHeight="1" x14ac:dyDescent="0.15">
      <c r="A1416" s="3">
        <v>1415</v>
      </c>
      <c r="B1416" s="30" t="s">
        <v>613</v>
      </c>
      <c r="C1416" s="27" t="s">
        <v>822</v>
      </c>
      <c r="D1416" s="31">
        <v>27000</v>
      </c>
      <c r="E1416" s="32" t="s">
        <v>569</v>
      </c>
      <c r="F1416" s="32" t="s">
        <v>877</v>
      </c>
      <c r="G1416" s="27">
        <v>12</v>
      </c>
    </row>
    <row r="1417" spans="1:46" s="3" customFormat="1" ht="13.5" customHeight="1" x14ac:dyDescent="0.15">
      <c r="A1417" s="3">
        <v>1416</v>
      </c>
      <c r="B1417" s="30" t="s">
        <v>613</v>
      </c>
      <c r="C1417" s="27" t="s">
        <v>822</v>
      </c>
      <c r="D1417" s="31">
        <v>27400</v>
      </c>
      <c r="E1417" s="32" t="s">
        <v>2026</v>
      </c>
      <c r="F1417" s="32" t="s">
        <v>48</v>
      </c>
      <c r="G1417" s="27">
        <v>12</v>
      </c>
    </row>
    <row r="1418" spans="1:46" s="3" customFormat="1" ht="13.5" customHeight="1" x14ac:dyDescent="0.15">
      <c r="A1418" s="3">
        <v>1417</v>
      </c>
      <c r="B1418" s="30" t="s">
        <v>613</v>
      </c>
      <c r="C1418" s="27" t="s">
        <v>822</v>
      </c>
      <c r="D1418" s="31">
        <v>28280</v>
      </c>
      <c r="E1418" s="32" t="s">
        <v>2108</v>
      </c>
      <c r="F1418" s="32" t="s">
        <v>879</v>
      </c>
      <c r="G1418" s="27">
        <v>12</v>
      </c>
    </row>
    <row r="1419" spans="1:46" s="3" customFormat="1" ht="13.5" customHeight="1" x14ac:dyDescent="0.15">
      <c r="A1419" s="3">
        <v>1418</v>
      </c>
      <c r="B1419" s="30" t="s">
        <v>613</v>
      </c>
      <c r="C1419" s="27" t="s">
        <v>822</v>
      </c>
      <c r="D1419" s="31">
        <v>28490</v>
      </c>
      <c r="E1419" s="32" t="s">
        <v>162</v>
      </c>
      <c r="F1419" s="32" t="s">
        <v>1374</v>
      </c>
      <c r="G1419" s="27">
        <v>3</v>
      </c>
    </row>
    <row r="1420" spans="1:46" s="3" customFormat="1" ht="13.5" customHeight="1" x14ac:dyDescent="0.15">
      <c r="A1420" s="3">
        <v>1419</v>
      </c>
      <c r="B1420" s="30" t="s">
        <v>613</v>
      </c>
      <c r="C1420" s="27" t="s">
        <v>822</v>
      </c>
      <c r="D1420" s="31">
        <v>30960</v>
      </c>
      <c r="E1420" s="32" t="s">
        <v>442</v>
      </c>
      <c r="F1420" s="32" t="s">
        <v>1691</v>
      </c>
      <c r="G1420" s="27">
        <v>3</v>
      </c>
    </row>
    <row r="1421" spans="1:46" s="3" customFormat="1" ht="13.5" customHeight="1" x14ac:dyDescent="0.15">
      <c r="A1421" s="3">
        <v>1420</v>
      </c>
      <c r="B1421" s="30" t="s">
        <v>613</v>
      </c>
      <c r="C1421" s="27" t="s">
        <v>822</v>
      </c>
      <c r="D1421" s="31">
        <v>31010</v>
      </c>
      <c r="E1421" s="32" t="s">
        <v>2460</v>
      </c>
      <c r="F1421" s="32" t="s">
        <v>899</v>
      </c>
      <c r="G1421" s="27">
        <v>6</v>
      </c>
    </row>
    <row r="1422" spans="1:46" s="3" customFormat="1" ht="13.5" customHeight="1" x14ac:dyDescent="0.15">
      <c r="A1422" s="3">
        <v>1421</v>
      </c>
      <c r="B1422" s="30" t="s">
        <v>613</v>
      </c>
      <c r="C1422" s="27" t="s">
        <v>822</v>
      </c>
      <c r="D1422" s="31">
        <v>31930</v>
      </c>
      <c r="E1422" s="32" t="s">
        <v>3453</v>
      </c>
      <c r="F1422" s="32" t="s">
        <v>1244</v>
      </c>
      <c r="G1422" s="27">
        <v>2</v>
      </c>
    </row>
    <row r="1423" spans="1:46" s="3" customFormat="1" ht="13.5" customHeight="1" x14ac:dyDescent="0.15">
      <c r="A1423" s="3">
        <v>1422</v>
      </c>
      <c r="B1423" s="30" t="s">
        <v>613</v>
      </c>
      <c r="C1423" s="27" t="s">
        <v>822</v>
      </c>
      <c r="D1423" s="31">
        <v>32840</v>
      </c>
      <c r="E1423" s="32" t="s">
        <v>873</v>
      </c>
      <c r="F1423" s="32" t="s">
        <v>653</v>
      </c>
      <c r="G1423" s="27">
        <v>9</v>
      </c>
    </row>
    <row r="1424" spans="1:46" s="3" customFormat="1" ht="13.5" customHeight="1" x14ac:dyDescent="0.15">
      <c r="A1424" s="3">
        <v>1423</v>
      </c>
      <c r="B1424" s="30" t="s">
        <v>613</v>
      </c>
      <c r="C1424" s="27" t="s">
        <v>822</v>
      </c>
      <c r="D1424" s="31">
        <v>33430</v>
      </c>
      <c r="E1424" s="32" t="s">
        <v>1326</v>
      </c>
      <c r="F1424" s="32" t="s">
        <v>878</v>
      </c>
      <c r="G1424" s="27">
        <v>12</v>
      </c>
    </row>
    <row r="1425" spans="1:46" s="3" customFormat="1" ht="13.5" customHeight="1" x14ac:dyDescent="0.15">
      <c r="A1425" s="3">
        <v>1424</v>
      </c>
      <c r="B1425" s="30" t="s">
        <v>613</v>
      </c>
      <c r="C1425" s="27" t="s">
        <v>822</v>
      </c>
      <c r="D1425" s="31">
        <v>34400</v>
      </c>
      <c r="E1425" s="32" t="s">
        <v>1125</v>
      </c>
      <c r="F1425" s="32" t="s">
        <v>925</v>
      </c>
      <c r="G1425" s="27">
        <v>5</v>
      </c>
    </row>
    <row r="1426" spans="1:46" ht="13.5" customHeight="1" x14ac:dyDescent="0.15">
      <c r="A1426" s="3">
        <v>1425</v>
      </c>
      <c r="B1426" s="30" t="s">
        <v>613</v>
      </c>
      <c r="C1426" s="27" t="s">
        <v>822</v>
      </c>
      <c r="D1426" s="31">
        <v>34950</v>
      </c>
      <c r="E1426" s="32" t="s">
        <v>537</v>
      </c>
      <c r="F1426" s="32" t="s">
        <v>1693</v>
      </c>
      <c r="G1426" s="27">
        <v>12</v>
      </c>
      <c r="H1426" s="3"/>
      <c r="I1426" s="3"/>
      <c r="J1426" s="3"/>
      <c r="K1426" s="3"/>
      <c r="L1426" s="3"/>
      <c r="M1426" s="3"/>
      <c r="N1426" s="3"/>
      <c r="O1426" s="3"/>
      <c r="P1426" s="3"/>
      <c r="Q1426" s="3"/>
      <c r="R1426" s="3"/>
      <c r="S1426" s="3"/>
      <c r="T1426" s="3"/>
      <c r="U1426" s="3"/>
      <c r="V1426" s="3"/>
      <c r="W1426" s="3"/>
      <c r="X1426" s="3"/>
      <c r="Y1426" s="3"/>
      <c r="Z1426" s="3"/>
      <c r="AA1426" s="3"/>
      <c r="AB1426" s="3"/>
      <c r="AC1426" s="3"/>
      <c r="AD1426" s="3"/>
      <c r="AE1426" s="3"/>
      <c r="AF1426" s="3"/>
      <c r="AG1426" s="3"/>
      <c r="AH1426" s="3"/>
      <c r="AI1426" s="3"/>
      <c r="AJ1426" s="3"/>
      <c r="AK1426" s="3"/>
      <c r="AL1426" s="3"/>
      <c r="AM1426" s="3"/>
      <c r="AN1426" s="3"/>
      <c r="AO1426" s="3"/>
      <c r="AP1426" s="3"/>
      <c r="AQ1426" s="3"/>
      <c r="AR1426" s="3"/>
      <c r="AS1426" s="3"/>
      <c r="AT1426" s="3"/>
    </row>
    <row r="1427" spans="1:46" s="3" customFormat="1" ht="13.5" customHeight="1" x14ac:dyDescent="0.15">
      <c r="A1427" s="3">
        <v>1426</v>
      </c>
      <c r="B1427" s="30" t="s">
        <v>613</v>
      </c>
      <c r="C1427" s="27" t="s">
        <v>822</v>
      </c>
      <c r="D1427" s="31">
        <v>34960</v>
      </c>
      <c r="E1427" s="32" t="s">
        <v>747</v>
      </c>
      <c r="F1427" s="32" t="s">
        <v>315</v>
      </c>
      <c r="G1427" s="27">
        <v>6</v>
      </c>
    </row>
    <row r="1428" spans="1:46" s="3" customFormat="1" ht="13.5" customHeight="1" x14ac:dyDescent="0.15">
      <c r="A1428" s="3">
        <v>1427</v>
      </c>
      <c r="B1428" s="30" t="s">
        <v>613</v>
      </c>
      <c r="C1428" s="27" t="s">
        <v>822</v>
      </c>
      <c r="D1428" s="31">
        <v>35010</v>
      </c>
      <c r="E1428" s="32" t="s">
        <v>1177</v>
      </c>
      <c r="F1428" s="32" t="s">
        <v>3347</v>
      </c>
      <c r="G1428" s="27">
        <v>6</v>
      </c>
    </row>
    <row r="1429" spans="1:46" s="3" customFormat="1" ht="13.5" customHeight="1" x14ac:dyDescent="0.15">
      <c r="A1429" s="3">
        <v>1428</v>
      </c>
      <c r="B1429" s="30" t="s">
        <v>613</v>
      </c>
      <c r="C1429" s="27" t="s">
        <v>822</v>
      </c>
      <c r="D1429" s="31">
        <v>36960</v>
      </c>
      <c r="E1429" s="32" t="s">
        <v>2595</v>
      </c>
      <c r="F1429" s="32" t="s">
        <v>2453</v>
      </c>
      <c r="G1429" s="27">
        <v>7</v>
      </c>
    </row>
    <row r="1430" spans="1:46" s="3" customFormat="1" ht="13.5" customHeight="1" x14ac:dyDescent="0.15">
      <c r="A1430" s="3">
        <v>1429</v>
      </c>
      <c r="B1430" s="30" t="s">
        <v>613</v>
      </c>
      <c r="C1430" s="27" t="s">
        <v>822</v>
      </c>
      <c r="D1430" s="31">
        <v>37120</v>
      </c>
      <c r="E1430" s="32" t="s">
        <v>1620</v>
      </c>
      <c r="F1430" s="32" t="s">
        <v>1761</v>
      </c>
      <c r="G1430" s="27">
        <v>3</v>
      </c>
    </row>
    <row r="1431" spans="1:46" s="3" customFormat="1" ht="13.5" customHeight="1" x14ac:dyDescent="0.15">
      <c r="A1431" s="3">
        <v>1430</v>
      </c>
      <c r="B1431" s="30" t="s">
        <v>613</v>
      </c>
      <c r="C1431" s="27" t="s">
        <v>822</v>
      </c>
      <c r="D1431" s="31">
        <v>38560</v>
      </c>
      <c r="E1431" s="32" t="s">
        <v>3010</v>
      </c>
      <c r="F1431" s="32" t="s">
        <v>44</v>
      </c>
      <c r="G1431" s="27">
        <v>5</v>
      </c>
    </row>
    <row r="1432" spans="1:46" s="3" customFormat="1" ht="13.5" customHeight="1" x14ac:dyDescent="0.15">
      <c r="A1432" s="3">
        <v>1431</v>
      </c>
      <c r="B1432" s="30" t="s">
        <v>613</v>
      </c>
      <c r="C1432" s="27" t="s">
        <v>822</v>
      </c>
      <c r="D1432" s="31">
        <v>39320</v>
      </c>
      <c r="E1432" s="32" t="s">
        <v>3036</v>
      </c>
      <c r="F1432" s="32" t="s">
        <v>42</v>
      </c>
      <c r="G1432" s="27">
        <v>5</v>
      </c>
    </row>
    <row r="1433" spans="1:46" s="3" customFormat="1" ht="13.5" customHeight="1" x14ac:dyDescent="0.15">
      <c r="A1433" s="3">
        <v>1432</v>
      </c>
      <c r="B1433" s="30" t="s">
        <v>613</v>
      </c>
      <c r="C1433" s="27" t="s">
        <v>23</v>
      </c>
      <c r="D1433" s="34">
        <v>40640</v>
      </c>
      <c r="E1433" s="32" t="s">
        <v>3068</v>
      </c>
      <c r="F1433" s="32" t="s">
        <v>436</v>
      </c>
      <c r="G1433" s="27">
        <v>12</v>
      </c>
    </row>
    <row r="1434" spans="1:46" s="3" customFormat="1" ht="13.5" customHeight="1" x14ac:dyDescent="0.15">
      <c r="A1434" s="3">
        <v>1433</v>
      </c>
      <c r="B1434" s="30" t="s">
        <v>613</v>
      </c>
      <c r="C1434" s="27" t="s">
        <v>23</v>
      </c>
      <c r="D1434" s="34">
        <v>40760</v>
      </c>
      <c r="E1434" s="32" t="s">
        <v>3072</v>
      </c>
      <c r="F1434" s="32" t="s">
        <v>1249</v>
      </c>
      <c r="G1434" s="27">
        <v>12</v>
      </c>
    </row>
    <row r="1435" spans="1:46" s="3" customFormat="1" ht="13.5" customHeight="1" x14ac:dyDescent="0.15">
      <c r="A1435" s="3">
        <v>1434</v>
      </c>
      <c r="B1435" s="30" t="s">
        <v>613</v>
      </c>
      <c r="C1435" s="44" t="s">
        <v>23</v>
      </c>
      <c r="D1435" s="28">
        <v>41170</v>
      </c>
      <c r="E1435" s="29" t="s">
        <v>1235</v>
      </c>
      <c r="F1435" s="32" t="s">
        <v>1248</v>
      </c>
      <c r="G1435" s="27">
        <v>9</v>
      </c>
    </row>
    <row r="1436" spans="1:46" s="3" customFormat="1" ht="13.5" customHeight="1" x14ac:dyDescent="0.15">
      <c r="A1436" s="3">
        <v>1435</v>
      </c>
      <c r="B1436" s="30" t="s">
        <v>613</v>
      </c>
      <c r="C1436" s="35" t="s">
        <v>1384</v>
      </c>
      <c r="D1436" s="28">
        <v>41430</v>
      </c>
      <c r="E1436" s="36" t="s">
        <v>1485</v>
      </c>
      <c r="F1436" s="29" t="s">
        <v>1687</v>
      </c>
      <c r="G1436" s="27">
        <v>12</v>
      </c>
    </row>
    <row r="1437" spans="1:46" ht="13.5" customHeight="1" x14ac:dyDescent="0.15">
      <c r="A1437" s="3">
        <v>1436</v>
      </c>
      <c r="B1437" s="30" t="s">
        <v>613</v>
      </c>
      <c r="C1437" s="27" t="s">
        <v>1384</v>
      </c>
      <c r="D1437" s="28">
        <v>41770</v>
      </c>
      <c r="E1437" s="38" t="s">
        <v>2023</v>
      </c>
      <c r="F1437" s="29" t="s">
        <v>2284</v>
      </c>
      <c r="G1437" s="27">
        <v>6</v>
      </c>
      <c r="H1437" s="3"/>
      <c r="I1437" s="3"/>
      <c r="J1437" s="3"/>
      <c r="K1437" s="3"/>
      <c r="L1437" s="3"/>
      <c r="M1437" s="3"/>
      <c r="N1437" s="3"/>
      <c r="O1437" s="3"/>
      <c r="P1437" s="3"/>
      <c r="Q1437" s="3"/>
      <c r="R1437" s="3"/>
      <c r="S1437" s="3"/>
      <c r="T1437" s="3"/>
      <c r="U1437" s="3"/>
      <c r="V1437" s="3"/>
      <c r="W1437" s="3"/>
      <c r="X1437" s="3"/>
      <c r="Y1437" s="3"/>
      <c r="Z1437" s="3"/>
      <c r="AA1437" s="3"/>
      <c r="AB1437" s="3"/>
      <c r="AC1437" s="3"/>
      <c r="AD1437" s="3"/>
      <c r="AE1437" s="3"/>
      <c r="AF1437" s="3"/>
      <c r="AG1437" s="3"/>
      <c r="AH1437" s="3"/>
      <c r="AI1437" s="3"/>
      <c r="AJ1437" s="3"/>
      <c r="AK1437" s="3"/>
      <c r="AL1437" s="3"/>
      <c r="AM1437" s="3"/>
      <c r="AN1437" s="3"/>
      <c r="AO1437" s="3"/>
      <c r="AP1437" s="3"/>
      <c r="AQ1437" s="3"/>
      <c r="AR1437" s="3"/>
      <c r="AS1437" s="3"/>
      <c r="AT1437" s="3"/>
    </row>
    <row r="1438" spans="1:46" ht="13.5" customHeight="1" x14ac:dyDescent="0.15">
      <c r="A1438" s="3">
        <v>1437</v>
      </c>
      <c r="B1438" s="30" t="s">
        <v>613</v>
      </c>
      <c r="C1438" s="35" t="s">
        <v>1384</v>
      </c>
      <c r="D1438" s="28">
        <v>42100</v>
      </c>
      <c r="E1438" s="36" t="s">
        <v>1336</v>
      </c>
      <c r="F1438" s="32" t="s">
        <v>1548</v>
      </c>
      <c r="G1438" s="27">
        <v>5</v>
      </c>
      <c r="H1438" s="3"/>
      <c r="I1438" s="3"/>
      <c r="J1438" s="3"/>
      <c r="K1438" s="3"/>
      <c r="L1438" s="3"/>
      <c r="M1438" s="3"/>
      <c r="N1438" s="3"/>
      <c r="O1438" s="3"/>
      <c r="P1438" s="3"/>
      <c r="Q1438" s="3"/>
      <c r="R1438" s="3"/>
      <c r="S1438" s="3"/>
      <c r="T1438" s="3"/>
      <c r="U1438" s="3"/>
      <c r="V1438" s="3"/>
      <c r="W1438" s="3"/>
      <c r="X1438" s="3"/>
      <c r="Y1438" s="3"/>
      <c r="Z1438" s="3"/>
      <c r="AA1438" s="3"/>
      <c r="AB1438" s="3"/>
      <c r="AC1438" s="3"/>
      <c r="AD1438" s="3"/>
      <c r="AE1438" s="3"/>
      <c r="AF1438" s="3"/>
      <c r="AG1438" s="3"/>
      <c r="AH1438" s="3"/>
      <c r="AI1438" s="3"/>
      <c r="AJ1438" s="3"/>
      <c r="AK1438" s="3"/>
      <c r="AL1438" s="3"/>
      <c r="AM1438" s="3"/>
      <c r="AN1438" s="3"/>
      <c r="AO1438" s="3"/>
      <c r="AP1438" s="3"/>
      <c r="AQ1438" s="3"/>
      <c r="AR1438" s="3"/>
      <c r="AS1438" s="3"/>
      <c r="AT1438" s="3"/>
    </row>
    <row r="1439" spans="1:46" s="3" customFormat="1" ht="13.5" customHeight="1" x14ac:dyDescent="0.15">
      <c r="A1439" s="3">
        <v>1438</v>
      </c>
      <c r="B1439" s="30" t="s">
        <v>613</v>
      </c>
      <c r="C1439" s="27" t="s">
        <v>1384</v>
      </c>
      <c r="D1439" s="28">
        <v>42540</v>
      </c>
      <c r="E1439" s="48" t="s">
        <v>1553</v>
      </c>
      <c r="F1439" s="46" t="s">
        <v>505</v>
      </c>
      <c r="G1439" s="27">
        <v>5</v>
      </c>
    </row>
    <row r="1440" spans="1:46" ht="13.5" customHeight="1" x14ac:dyDescent="0.15">
      <c r="A1440" s="3">
        <v>1439</v>
      </c>
      <c r="B1440" s="30" t="s">
        <v>613</v>
      </c>
      <c r="C1440" s="27" t="s">
        <v>1384</v>
      </c>
      <c r="D1440" s="28">
        <v>42630</v>
      </c>
      <c r="E1440" s="46" t="s">
        <v>546</v>
      </c>
      <c r="F1440" s="46" t="s">
        <v>2283</v>
      </c>
      <c r="G1440" s="27">
        <v>11</v>
      </c>
      <c r="H1440" s="3"/>
      <c r="I1440" s="3"/>
      <c r="J1440" s="3"/>
      <c r="K1440" s="3"/>
      <c r="L1440" s="3"/>
      <c r="M1440" s="3"/>
      <c r="N1440" s="3"/>
      <c r="O1440" s="3"/>
      <c r="P1440" s="3"/>
      <c r="Q1440" s="3"/>
      <c r="R1440" s="3"/>
      <c r="S1440" s="3"/>
      <c r="T1440" s="3"/>
      <c r="U1440" s="3"/>
      <c r="V1440" s="3"/>
      <c r="W1440" s="3"/>
      <c r="X1440" s="3"/>
      <c r="Y1440" s="3"/>
      <c r="Z1440" s="3"/>
      <c r="AA1440" s="3"/>
      <c r="AB1440" s="3"/>
      <c r="AC1440" s="3"/>
      <c r="AD1440" s="3"/>
      <c r="AE1440" s="3"/>
      <c r="AF1440" s="3"/>
      <c r="AG1440" s="3"/>
      <c r="AH1440" s="3"/>
      <c r="AI1440" s="3"/>
      <c r="AJ1440" s="3"/>
      <c r="AK1440" s="3"/>
      <c r="AL1440" s="3"/>
      <c r="AM1440" s="3"/>
      <c r="AN1440" s="3"/>
      <c r="AO1440" s="3"/>
      <c r="AP1440" s="3"/>
      <c r="AQ1440" s="3"/>
      <c r="AR1440" s="3"/>
      <c r="AS1440" s="3"/>
      <c r="AT1440" s="3"/>
    </row>
    <row r="1441" spans="1:46" ht="13.5" customHeight="1" x14ac:dyDescent="0.15">
      <c r="A1441" s="3">
        <v>1440</v>
      </c>
      <c r="B1441" s="30" t="s">
        <v>613</v>
      </c>
      <c r="C1441" s="27" t="s">
        <v>1384</v>
      </c>
      <c r="D1441" s="34">
        <v>42640</v>
      </c>
      <c r="E1441" s="32" t="s">
        <v>3121</v>
      </c>
      <c r="F1441" s="32" t="s">
        <v>2130</v>
      </c>
      <c r="G1441" s="27">
        <v>12</v>
      </c>
      <c r="H1441" s="3"/>
      <c r="I1441" s="3"/>
      <c r="J1441" s="3"/>
      <c r="K1441" s="3"/>
      <c r="L1441" s="3"/>
      <c r="M1441" s="3"/>
      <c r="N1441" s="3"/>
      <c r="O1441" s="3"/>
      <c r="P1441" s="3"/>
      <c r="Q1441" s="3"/>
      <c r="R1441" s="3"/>
      <c r="S1441" s="3"/>
      <c r="T1441" s="3"/>
      <c r="U1441" s="3"/>
      <c r="V1441" s="3"/>
      <c r="W1441" s="3"/>
      <c r="X1441" s="3"/>
      <c r="Y1441" s="3"/>
      <c r="Z1441" s="3"/>
      <c r="AA1441" s="3"/>
      <c r="AB1441" s="3"/>
      <c r="AC1441" s="3"/>
      <c r="AD1441" s="3"/>
      <c r="AE1441" s="3"/>
      <c r="AF1441" s="3"/>
      <c r="AG1441" s="3"/>
      <c r="AH1441" s="3"/>
      <c r="AI1441" s="3"/>
      <c r="AJ1441" s="3"/>
      <c r="AK1441" s="3"/>
      <c r="AL1441" s="3"/>
      <c r="AM1441" s="3"/>
      <c r="AN1441" s="3"/>
      <c r="AO1441" s="3"/>
      <c r="AP1441" s="3"/>
      <c r="AQ1441" s="3"/>
      <c r="AR1441" s="3"/>
      <c r="AS1441" s="3"/>
      <c r="AT1441" s="3"/>
    </row>
    <row r="1442" spans="1:46" ht="13.5" customHeight="1" x14ac:dyDescent="0.15">
      <c r="A1442" s="3">
        <v>1441</v>
      </c>
      <c r="B1442" s="30" t="s">
        <v>613</v>
      </c>
      <c r="C1442" s="27" t="s">
        <v>1384</v>
      </c>
      <c r="D1442" s="34">
        <v>42750</v>
      </c>
      <c r="E1442" s="32" t="s">
        <v>3088</v>
      </c>
      <c r="F1442" s="32" t="s">
        <v>2146</v>
      </c>
      <c r="G1442" s="27">
        <v>4</v>
      </c>
      <c r="H1442" s="3"/>
      <c r="I1442" s="3"/>
      <c r="J1442" s="3"/>
      <c r="K1442" s="3"/>
      <c r="L1442" s="3"/>
      <c r="M1442" s="3"/>
      <c r="N1442" s="3"/>
      <c r="O1442" s="3"/>
      <c r="P1442" s="3"/>
      <c r="Q1442" s="3"/>
      <c r="R1442" s="3"/>
      <c r="S1442" s="3"/>
      <c r="T1442" s="3"/>
      <c r="U1442" s="3"/>
      <c r="V1442" s="3"/>
      <c r="W1442" s="3"/>
      <c r="X1442" s="3"/>
      <c r="Y1442" s="3"/>
      <c r="Z1442" s="3"/>
      <c r="AA1442" s="3"/>
      <c r="AB1442" s="3"/>
      <c r="AC1442" s="3"/>
      <c r="AD1442" s="3"/>
      <c r="AE1442" s="3"/>
      <c r="AF1442" s="3"/>
      <c r="AG1442" s="3"/>
      <c r="AH1442" s="3"/>
      <c r="AI1442" s="3"/>
      <c r="AJ1442" s="3"/>
      <c r="AK1442" s="3"/>
      <c r="AL1442" s="3"/>
      <c r="AM1442" s="3"/>
      <c r="AN1442" s="3"/>
      <c r="AO1442" s="3"/>
      <c r="AP1442" s="3"/>
      <c r="AQ1442" s="3"/>
      <c r="AR1442" s="3"/>
      <c r="AS1442" s="3"/>
      <c r="AT1442" s="3"/>
    </row>
    <row r="1443" spans="1:46" ht="13.5" customHeight="1" x14ac:dyDescent="0.15">
      <c r="A1443" s="3">
        <v>1442</v>
      </c>
      <c r="B1443" s="30" t="s">
        <v>613</v>
      </c>
      <c r="C1443" s="27" t="s">
        <v>1384</v>
      </c>
      <c r="D1443" s="34">
        <v>143150</v>
      </c>
      <c r="E1443" s="32" t="s">
        <v>2338</v>
      </c>
      <c r="F1443" s="32" t="s">
        <v>2339</v>
      </c>
      <c r="G1443" s="27">
        <v>6</v>
      </c>
      <c r="H1443" s="3"/>
      <c r="I1443" s="3"/>
      <c r="J1443" s="3"/>
      <c r="K1443" s="3"/>
      <c r="L1443" s="3"/>
      <c r="M1443" s="3"/>
      <c r="N1443" s="3"/>
      <c r="O1443" s="3"/>
      <c r="P1443" s="3"/>
      <c r="Q1443" s="3"/>
      <c r="R1443" s="3"/>
      <c r="S1443" s="3"/>
      <c r="T1443" s="3"/>
      <c r="U1443" s="3"/>
      <c r="V1443" s="3"/>
      <c r="W1443" s="3"/>
      <c r="X1443" s="3"/>
      <c r="Y1443" s="3"/>
      <c r="Z1443" s="3"/>
      <c r="AA1443" s="3"/>
      <c r="AB1443" s="3"/>
      <c r="AC1443" s="3"/>
      <c r="AD1443" s="3"/>
      <c r="AE1443" s="3"/>
      <c r="AF1443" s="3"/>
      <c r="AG1443" s="3"/>
      <c r="AH1443" s="3"/>
      <c r="AI1443" s="3"/>
      <c r="AJ1443" s="3"/>
      <c r="AK1443" s="3"/>
      <c r="AL1443" s="3"/>
      <c r="AM1443" s="3"/>
      <c r="AN1443" s="3"/>
      <c r="AO1443" s="3"/>
      <c r="AP1443" s="3"/>
      <c r="AQ1443" s="3"/>
      <c r="AR1443" s="3"/>
      <c r="AS1443" s="3"/>
      <c r="AT1443" s="3"/>
    </row>
    <row r="1444" spans="1:46" ht="13.5" customHeight="1" x14ac:dyDescent="0.15">
      <c r="A1444" s="3">
        <v>1443</v>
      </c>
      <c r="B1444" s="30" t="s">
        <v>613</v>
      </c>
      <c r="C1444" s="27" t="s">
        <v>1384</v>
      </c>
      <c r="D1444" s="34">
        <v>143160</v>
      </c>
      <c r="E1444" s="32" t="s">
        <v>2336</v>
      </c>
      <c r="F1444" s="32" t="s">
        <v>2337</v>
      </c>
      <c r="G1444" s="27">
        <v>10</v>
      </c>
      <c r="H1444" s="3"/>
      <c r="I1444" s="3"/>
      <c r="J1444" s="3"/>
      <c r="K1444" s="3"/>
      <c r="L1444" s="3"/>
      <c r="M1444" s="3"/>
      <c r="N1444" s="3"/>
      <c r="O1444" s="3"/>
      <c r="P1444" s="3"/>
      <c r="Q1444" s="3"/>
      <c r="R1444" s="3"/>
      <c r="S1444" s="3"/>
      <c r="T1444" s="3"/>
      <c r="U1444" s="3"/>
      <c r="V1444" s="3"/>
      <c r="W1444" s="3"/>
      <c r="X1444" s="3"/>
      <c r="Y1444" s="3"/>
      <c r="Z1444" s="3"/>
      <c r="AA1444" s="3"/>
      <c r="AB1444" s="3"/>
      <c r="AC1444" s="3"/>
      <c r="AD1444" s="3"/>
      <c r="AE1444" s="3"/>
      <c r="AF1444" s="3"/>
      <c r="AG1444" s="3"/>
      <c r="AH1444" s="3"/>
      <c r="AI1444" s="3"/>
      <c r="AJ1444" s="3"/>
      <c r="AK1444" s="3"/>
      <c r="AL1444" s="3"/>
      <c r="AM1444" s="3"/>
      <c r="AN1444" s="3"/>
      <c r="AO1444" s="3"/>
      <c r="AP1444" s="3"/>
      <c r="AQ1444" s="3"/>
      <c r="AR1444" s="3"/>
      <c r="AS1444" s="3"/>
      <c r="AT1444" s="3"/>
    </row>
    <row r="1445" spans="1:46" ht="13.5" customHeight="1" x14ac:dyDescent="0.15">
      <c r="A1445" s="3">
        <v>1444</v>
      </c>
      <c r="B1445" s="30" t="s">
        <v>613</v>
      </c>
      <c r="C1445" s="27" t="s">
        <v>1384</v>
      </c>
      <c r="D1445" s="34">
        <v>143310</v>
      </c>
      <c r="E1445" s="32" t="s">
        <v>3104</v>
      </c>
      <c r="F1445" s="32" t="s">
        <v>2388</v>
      </c>
      <c r="G1445" s="27">
        <v>3</v>
      </c>
      <c r="H1445" s="3"/>
      <c r="I1445" s="3"/>
      <c r="J1445" s="3"/>
      <c r="K1445" s="3"/>
      <c r="L1445" s="3"/>
      <c r="M1445" s="3"/>
      <c r="N1445" s="3"/>
      <c r="O1445" s="3"/>
      <c r="P1445" s="3"/>
      <c r="Q1445" s="3"/>
      <c r="R1445" s="3"/>
      <c r="S1445" s="3"/>
      <c r="T1445" s="3"/>
      <c r="U1445" s="3"/>
      <c r="V1445" s="3"/>
      <c r="W1445" s="3"/>
      <c r="X1445" s="3"/>
      <c r="Y1445" s="3"/>
      <c r="Z1445" s="3"/>
      <c r="AA1445" s="3"/>
      <c r="AB1445" s="3"/>
      <c r="AC1445" s="3"/>
      <c r="AD1445" s="3"/>
      <c r="AE1445" s="3"/>
      <c r="AF1445" s="3"/>
      <c r="AG1445" s="3"/>
      <c r="AH1445" s="3"/>
      <c r="AI1445" s="3"/>
      <c r="AJ1445" s="3"/>
      <c r="AK1445" s="3"/>
      <c r="AL1445" s="3"/>
      <c r="AM1445" s="3"/>
      <c r="AN1445" s="3"/>
      <c r="AO1445" s="3"/>
      <c r="AP1445" s="3"/>
      <c r="AQ1445" s="3"/>
      <c r="AR1445" s="3"/>
      <c r="AS1445" s="3"/>
      <c r="AT1445" s="3"/>
    </row>
    <row r="1446" spans="1:46" ht="13.5" customHeight="1" x14ac:dyDescent="0.15">
      <c r="A1446" s="3">
        <v>1445</v>
      </c>
      <c r="B1446" s="30" t="s">
        <v>613</v>
      </c>
      <c r="C1446" s="27" t="s">
        <v>1384</v>
      </c>
      <c r="D1446" s="31">
        <v>143900</v>
      </c>
      <c r="E1446" s="32" t="s">
        <v>2490</v>
      </c>
      <c r="F1446" s="32" t="s">
        <v>2550</v>
      </c>
      <c r="G1446" s="27">
        <v>6</v>
      </c>
      <c r="H1446" s="3"/>
      <c r="I1446" s="3"/>
      <c r="J1446" s="3"/>
      <c r="K1446" s="3"/>
      <c r="L1446" s="3"/>
      <c r="M1446" s="3"/>
      <c r="N1446" s="3"/>
      <c r="O1446" s="3"/>
      <c r="P1446" s="3"/>
      <c r="Q1446" s="3"/>
      <c r="R1446" s="3"/>
      <c r="S1446" s="3"/>
      <c r="T1446" s="3"/>
      <c r="U1446" s="3"/>
      <c r="V1446" s="3"/>
      <c r="W1446" s="3"/>
      <c r="X1446" s="3"/>
      <c r="Y1446" s="3"/>
      <c r="Z1446" s="3"/>
      <c r="AA1446" s="3"/>
      <c r="AB1446" s="3"/>
      <c r="AC1446" s="3"/>
      <c r="AD1446" s="3"/>
      <c r="AE1446" s="3"/>
      <c r="AF1446" s="3"/>
      <c r="AG1446" s="3"/>
      <c r="AH1446" s="3"/>
      <c r="AI1446" s="3"/>
      <c r="AJ1446" s="3"/>
      <c r="AK1446" s="3"/>
      <c r="AL1446" s="3"/>
      <c r="AM1446" s="3"/>
      <c r="AN1446" s="3"/>
      <c r="AO1446" s="3"/>
      <c r="AP1446" s="3"/>
      <c r="AQ1446" s="3"/>
      <c r="AR1446" s="3"/>
      <c r="AS1446" s="3"/>
      <c r="AT1446" s="3"/>
    </row>
    <row r="1447" spans="1:46" ht="13.5" customHeight="1" x14ac:dyDescent="0.15">
      <c r="A1447" s="3">
        <v>1446</v>
      </c>
      <c r="B1447" s="30" t="s">
        <v>613</v>
      </c>
      <c r="C1447" s="27" t="s">
        <v>2489</v>
      </c>
      <c r="D1447" s="31">
        <v>144830</v>
      </c>
      <c r="E1447" s="29" t="s">
        <v>2658</v>
      </c>
      <c r="F1447" s="29" t="s">
        <v>2681</v>
      </c>
      <c r="G1447" s="27">
        <v>2</v>
      </c>
      <c r="H1447" s="3"/>
      <c r="I1447" s="3"/>
      <c r="J1447" s="3"/>
      <c r="K1447" s="3"/>
      <c r="L1447" s="3"/>
      <c r="M1447" s="3"/>
      <c r="N1447" s="3"/>
      <c r="O1447" s="3"/>
      <c r="P1447" s="3"/>
      <c r="Q1447" s="3"/>
      <c r="R1447" s="3"/>
      <c r="S1447" s="3"/>
      <c r="T1447" s="3"/>
      <c r="U1447" s="3"/>
      <c r="V1447" s="3"/>
      <c r="W1447" s="3"/>
      <c r="X1447" s="3"/>
      <c r="Y1447" s="3"/>
      <c r="Z1447" s="3"/>
      <c r="AA1447" s="3"/>
      <c r="AB1447" s="3"/>
      <c r="AC1447" s="3"/>
      <c r="AD1447" s="3"/>
      <c r="AE1447" s="3"/>
      <c r="AF1447" s="3"/>
      <c r="AG1447" s="3"/>
      <c r="AH1447" s="3"/>
      <c r="AI1447" s="3"/>
      <c r="AJ1447" s="3"/>
      <c r="AK1447" s="3"/>
      <c r="AL1447" s="3"/>
      <c r="AM1447" s="3"/>
      <c r="AN1447" s="3"/>
      <c r="AO1447" s="3"/>
      <c r="AP1447" s="3"/>
      <c r="AQ1447" s="3"/>
      <c r="AR1447" s="3"/>
      <c r="AS1447" s="3"/>
      <c r="AT1447" s="3"/>
    </row>
    <row r="1448" spans="1:46" ht="13.5" customHeight="1" x14ac:dyDescent="0.15">
      <c r="A1448" s="3">
        <v>1447</v>
      </c>
      <c r="B1448" s="30" t="s">
        <v>613</v>
      </c>
      <c r="C1448" s="27" t="s">
        <v>2489</v>
      </c>
      <c r="D1448" s="31">
        <v>144970</v>
      </c>
      <c r="E1448" s="29" t="s">
        <v>2704</v>
      </c>
      <c r="F1448" s="29" t="s">
        <v>2695</v>
      </c>
      <c r="G1448" s="27">
        <v>9</v>
      </c>
      <c r="H1448" s="3"/>
      <c r="I1448" s="3"/>
      <c r="J1448" s="3"/>
      <c r="K1448" s="3"/>
      <c r="L1448" s="3"/>
      <c r="M1448" s="3"/>
      <c r="N1448" s="3"/>
      <c r="O1448" s="3"/>
      <c r="P1448" s="3"/>
      <c r="Q1448" s="3"/>
      <c r="R1448" s="3"/>
      <c r="S1448" s="3"/>
      <c r="T1448" s="3"/>
      <c r="U1448" s="3"/>
      <c r="V1448" s="3"/>
      <c r="W1448" s="3"/>
      <c r="X1448" s="3"/>
      <c r="Y1448" s="3"/>
      <c r="Z1448" s="3"/>
      <c r="AA1448" s="3"/>
      <c r="AB1448" s="3"/>
      <c r="AC1448" s="3"/>
      <c r="AD1448" s="3"/>
      <c r="AE1448" s="3"/>
      <c r="AF1448" s="3"/>
      <c r="AG1448" s="3"/>
      <c r="AH1448" s="3"/>
      <c r="AI1448" s="3"/>
      <c r="AJ1448" s="3"/>
      <c r="AK1448" s="3"/>
      <c r="AL1448" s="3"/>
      <c r="AM1448" s="3"/>
      <c r="AN1448" s="3"/>
      <c r="AO1448" s="3"/>
      <c r="AP1448" s="3"/>
      <c r="AQ1448" s="3"/>
      <c r="AR1448" s="3"/>
      <c r="AS1448" s="3"/>
      <c r="AT1448" s="3"/>
    </row>
    <row r="1449" spans="1:46" ht="13.5" customHeight="1" x14ac:dyDescent="0.15">
      <c r="A1449" s="3">
        <v>1448</v>
      </c>
      <c r="B1449" s="30" t="s">
        <v>613</v>
      </c>
      <c r="C1449" s="27" t="s">
        <v>1384</v>
      </c>
      <c r="D1449" s="31">
        <v>145050</v>
      </c>
      <c r="E1449" s="29" t="s">
        <v>2763</v>
      </c>
      <c r="F1449" s="40" t="s">
        <v>2753</v>
      </c>
      <c r="G1449" s="27">
        <v>5</v>
      </c>
      <c r="H1449" s="3"/>
      <c r="I1449" s="3"/>
      <c r="J1449" s="3"/>
      <c r="K1449" s="3"/>
      <c r="L1449" s="3"/>
      <c r="M1449" s="3"/>
      <c r="N1449" s="3"/>
      <c r="O1449" s="3"/>
      <c r="P1449" s="3"/>
      <c r="Q1449" s="3"/>
      <c r="R1449" s="3"/>
      <c r="S1449" s="3"/>
      <c r="T1449" s="3"/>
      <c r="U1449" s="3"/>
      <c r="V1449" s="3"/>
      <c r="W1449" s="3"/>
      <c r="X1449" s="3"/>
      <c r="Y1449" s="3"/>
      <c r="Z1449" s="3"/>
      <c r="AA1449" s="3"/>
      <c r="AB1449" s="3"/>
      <c r="AC1449" s="3"/>
      <c r="AD1449" s="3"/>
      <c r="AE1449" s="3"/>
      <c r="AF1449" s="3"/>
      <c r="AG1449" s="3"/>
      <c r="AH1449" s="3"/>
      <c r="AI1449" s="3"/>
      <c r="AJ1449" s="3"/>
      <c r="AK1449" s="3"/>
      <c r="AL1449" s="3"/>
      <c r="AM1449" s="3"/>
      <c r="AN1449" s="3"/>
      <c r="AO1449" s="3"/>
      <c r="AP1449" s="3"/>
      <c r="AQ1449" s="3"/>
      <c r="AR1449" s="3"/>
      <c r="AS1449" s="3"/>
      <c r="AT1449" s="3"/>
    </row>
    <row r="1450" spans="1:46" ht="13.5" customHeight="1" x14ac:dyDescent="0.15">
      <c r="A1450" s="3">
        <v>1449</v>
      </c>
      <c r="B1450" s="30" t="s">
        <v>613</v>
      </c>
      <c r="C1450" s="27" t="s">
        <v>1384</v>
      </c>
      <c r="D1450" s="28">
        <v>145060</v>
      </c>
      <c r="E1450" s="29" t="s">
        <v>2764</v>
      </c>
      <c r="F1450" s="40" t="s">
        <v>2754</v>
      </c>
      <c r="G1450" s="27">
        <v>6</v>
      </c>
      <c r="H1450" s="3"/>
      <c r="I1450" s="3"/>
      <c r="J1450" s="3"/>
      <c r="K1450" s="3"/>
      <c r="L1450" s="3"/>
      <c r="M1450" s="3"/>
      <c r="N1450" s="3"/>
      <c r="O1450" s="3"/>
      <c r="P1450" s="3"/>
      <c r="Q1450" s="3"/>
      <c r="R1450" s="3"/>
      <c r="S1450" s="3"/>
      <c r="T1450" s="3"/>
      <c r="U1450" s="3"/>
      <c r="V1450" s="3"/>
      <c r="W1450" s="3"/>
      <c r="X1450" s="3"/>
      <c r="Y1450" s="3"/>
      <c r="Z1450" s="3"/>
      <c r="AA1450" s="3"/>
      <c r="AB1450" s="3"/>
      <c r="AC1450" s="3"/>
      <c r="AD1450" s="3"/>
      <c r="AE1450" s="3"/>
      <c r="AF1450" s="3"/>
      <c r="AG1450" s="3"/>
      <c r="AH1450" s="3"/>
      <c r="AI1450" s="3"/>
      <c r="AJ1450" s="3"/>
      <c r="AK1450" s="3"/>
      <c r="AL1450" s="3"/>
      <c r="AM1450" s="3"/>
      <c r="AN1450" s="3"/>
      <c r="AO1450" s="3"/>
      <c r="AP1450" s="3"/>
      <c r="AQ1450" s="3"/>
      <c r="AR1450" s="3"/>
      <c r="AS1450" s="3"/>
      <c r="AT1450" s="3"/>
    </row>
    <row r="1451" spans="1:46" ht="13.5" customHeight="1" x14ac:dyDescent="0.15">
      <c r="A1451" s="3">
        <v>1450</v>
      </c>
      <c r="B1451" s="30" t="s">
        <v>613</v>
      </c>
      <c r="C1451" s="27" t="s">
        <v>1384</v>
      </c>
      <c r="D1451" s="28">
        <v>145820</v>
      </c>
      <c r="E1451" s="40" t="s">
        <v>2968</v>
      </c>
      <c r="F1451" s="51" t="s">
        <v>2938</v>
      </c>
      <c r="G1451" s="27">
        <v>6</v>
      </c>
    </row>
    <row r="1452" spans="1:46" ht="13.5" customHeight="1" x14ac:dyDescent="0.15">
      <c r="A1452" s="3">
        <v>1451</v>
      </c>
      <c r="B1452" s="30" t="s">
        <v>613</v>
      </c>
      <c r="C1452" s="39" t="s">
        <v>3231</v>
      </c>
      <c r="D1452" s="28">
        <v>146220</v>
      </c>
      <c r="E1452" s="40" t="s">
        <v>3232</v>
      </c>
      <c r="F1452" s="29" t="s">
        <v>3233</v>
      </c>
      <c r="G1452" s="27">
        <v>8</v>
      </c>
    </row>
    <row r="1453" spans="1:46" ht="13.5" customHeight="1" x14ac:dyDescent="0.15">
      <c r="A1453" s="3">
        <v>1452</v>
      </c>
      <c r="B1453" s="30" t="s">
        <v>613</v>
      </c>
      <c r="C1453" s="39" t="s">
        <v>1384</v>
      </c>
      <c r="D1453" s="33">
        <v>146490</v>
      </c>
      <c r="E1453" s="40" t="s">
        <v>3146</v>
      </c>
      <c r="F1453" s="29" t="s">
        <v>3173</v>
      </c>
      <c r="G1453" s="27">
        <v>2</v>
      </c>
      <c r="H1453" s="3"/>
      <c r="I1453" s="3"/>
      <c r="J1453" s="3"/>
      <c r="K1453" s="3"/>
      <c r="L1453" s="3"/>
      <c r="M1453" s="3"/>
      <c r="N1453" s="3"/>
      <c r="O1453" s="3"/>
      <c r="P1453" s="3"/>
      <c r="Q1453" s="3"/>
      <c r="R1453" s="3"/>
      <c r="S1453" s="3"/>
      <c r="T1453" s="3"/>
      <c r="U1453" s="3"/>
      <c r="V1453" s="3"/>
      <c r="W1453" s="3"/>
      <c r="X1453" s="3"/>
      <c r="Y1453" s="3"/>
      <c r="Z1453" s="3"/>
      <c r="AA1453" s="3"/>
      <c r="AB1453" s="3"/>
      <c r="AC1453" s="3"/>
      <c r="AD1453" s="3"/>
      <c r="AE1453" s="3"/>
      <c r="AF1453" s="3"/>
      <c r="AG1453" s="3"/>
      <c r="AH1453" s="3"/>
      <c r="AI1453" s="3"/>
      <c r="AJ1453" s="3"/>
      <c r="AK1453" s="3"/>
      <c r="AL1453" s="3"/>
      <c r="AM1453" s="3"/>
      <c r="AN1453" s="3"/>
      <c r="AO1453" s="3"/>
      <c r="AP1453" s="3"/>
      <c r="AQ1453" s="3"/>
      <c r="AR1453" s="3"/>
      <c r="AS1453" s="3"/>
      <c r="AT1453" s="3"/>
    </row>
    <row r="1454" spans="1:46" ht="13.5" customHeight="1" x14ac:dyDescent="0.15">
      <c r="A1454" s="3">
        <v>1453</v>
      </c>
      <c r="B1454" s="30" t="s">
        <v>613</v>
      </c>
      <c r="C1454" s="39" t="s">
        <v>1384</v>
      </c>
      <c r="D1454" s="33">
        <v>146590</v>
      </c>
      <c r="E1454" s="40" t="s">
        <v>3153</v>
      </c>
      <c r="F1454" s="29" t="s">
        <v>3182</v>
      </c>
      <c r="G1454" s="27">
        <v>2</v>
      </c>
      <c r="H1454" s="3"/>
      <c r="I1454" s="3"/>
      <c r="J1454" s="3"/>
      <c r="K1454" s="3"/>
      <c r="L1454" s="3"/>
      <c r="M1454" s="3"/>
      <c r="N1454" s="3"/>
      <c r="O1454" s="3"/>
      <c r="P1454" s="3"/>
      <c r="Q1454" s="3"/>
      <c r="R1454" s="3"/>
      <c r="S1454" s="3"/>
      <c r="T1454" s="3"/>
      <c r="U1454" s="3"/>
      <c r="V1454" s="3"/>
      <c r="W1454" s="3"/>
      <c r="X1454" s="3"/>
      <c r="Y1454" s="3"/>
      <c r="Z1454" s="3"/>
      <c r="AA1454" s="3"/>
      <c r="AB1454" s="3"/>
      <c r="AC1454" s="3"/>
      <c r="AD1454" s="3"/>
      <c r="AE1454" s="3"/>
      <c r="AF1454" s="3"/>
      <c r="AG1454" s="3"/>
      <c r="AH1454" s="3"/>
      <c r="AI1454" s="3"/>
      <c r="AJ1454" s="3"/>
      <c r="AK1454" s="3"/>
      <c r="AL1454" s="3"/>
      <c r="AM1454" s="3"/>
      <c r="AN1454" s="3"/>
      <c r="AO1454" s="3"/>
      <c r="AP1454" s="3"/>
      <c r="AQ1454" s="3"/>
      <c r="AR1454" s="3"/>
      <c r="AS1454" s="3"/>
      <c r="AT1454" s="3"/>
    </row>
    <row r="1455" spans="1:46" ht="13.5" customHeight="1" x14ac:dyDescent="0.15">
      <c r="A1455" s="3">
        <v>1454</v>
      </c>
      <c r="B1455" s="30" t="s">
        <v>613</v>
      </c>
      <c r="C1455" s="39" t="s">
        <v>1384</v>
      </c>
      <c r="D1455" s="33">
        <v>146600</v>
      </c>
      <c r="E1455" s="40" t="s">
        <v>3157</v>
      </c>
      <c r="F1455" s="29" t="s">
        <v>3183</v>
      </c>
      <c r="G1455" s="27">
        <v>2</v>
      </c>
      <c r="H1455" s="3"/>
      <c r="I1455" s="3"/>
      <c r="J1455" s="3"/>
      <c r="K1455" s="3"/>
      <c r="L1455" s="3"/>
      <c r="M1455" s="3"/>
      <c r="N1455" s="3"/>
      <c r="O1455" s="3"/>
      <c r="P1455" s="3"/>
      <c r="Q1455" s="3"/>
      <c r="R1455" s="3"/>
      <c r="S1455" s="3"/>
      <c r="T1455" s="3"/>
      <c r="U1455" s="3"/>
      <c r="V1455" s="3"/>
      <c r="W1455" s="3"/>
      <c r="X1455" s="3"/>
      <c r="Y1455" s="3"/>
      <c r="Z1455" s="3"/>
      <c r="AA1455" s="3"/>
      <c r="AB1455" s="3"/>
      <c r="AC1455" s="3"/>
      <c r="AD1455" s="3"/>
      <c r="AE1455" s="3"/>
      <c r="AF1455" s="3"/>
      <c r="AG1455" s="3"/>
      <c r="AH1455" s="3"/>
      <c r="AI1455" s="3"/>
      <c r="AJ1455" s="3"/>
      <c r="AK1455" s="3"/>
      <c r="AL1455" s="3"/>
      <c r="AM1455" s="3"/>
      <c r="AN1455" s="3"/>
      <c r="AO1455" s="3"/>
      <c r="AP1455" s="3"/>
      <c r="AQ1455" s="3"/>
      <c r="AR1455" s="3"/>
      <c r="AS1455" s="3"/>
      <c r="AT1455" s="3"/>
    </row>
    <row r="1456" spans="1:46" ht="13.5" customHeight="1" x14ac:dyDescent="0.15">
      <c r="A1456" s="3">
        <v>1455</v>
      </c>
      <c r="B1456" s="30" t="s">
        <v>613</v>
      </c>
      <c r="C1456" s="27" t="s">
        <v>1384</v>
      </c>
      <c r="D1456" s="28">
        <v>146630</v>
      </c>
      <c r="E1456" s="29" t="s">
        <v>3190</v>
      </c>
      <c r="F1456" s="29" t="s">
        <v>3191</v>
      </c>
      <c r="G1456" s="27">
        <v>12</v>
      </c>
    </row>
    <row r="1457" spans="1:46" ht="13.5" customHeight="1" x14ac:dyDescent="0.15">
      <c r="A1457" s="3">
        <v>1456</v>
      </c>
      <c r="B1457" s="30" t="s">
        <v>613</v>
      </c>
      <c r="C1457" s="27" t="s">
        <v>3268</v>
      </c>
      <c r="D1457" s="28">
        <v>146870</v>
      </c>
      <c r="E1457" s="29" t="s">
        <v>3309</v>
      </c>
      <c r="F1457" s="53" t="s">
        <v>3310</v>
      </c>
      <c r="G1457" s="27">
        <v>12</v>
      </c>
    </row>
    <row r="1458" spans="1:46" ht="13.5" customHeight="1" x14ac:dyDescent="0.15">
      <c r="A1458" s="3">
        <v>1457</v>
      </c>
      <c r="B1458" s="30" t="s">
        <v>613</v>
      </c>
      <c r="C1458" s="27" t="s">
        <v>3410</v>
      </c>
      <c r="D1458" s="28">
        <v>147070</v>
      </c>
      <c r="E1458" s="29" t="s">
        <v>3368</v>
      </c>
      <c r="F1458" s="29" t="s">
        <v>3389</v>
      </c>
      <c r="G1458" s="27">
        <v>9</v>
      </c>
    </row>
    <row r="1459" spans="1:46" ht="13.5" customHeight="1" x14ac:dyDescent="0.15">
      <c r="A1459" s="3">
        <v>1458</v>
      </c>
      <c r="B1459" s="30" t="s">
        <v>613</v>
      </c>
      <c r="C1459" s="27" t="s">
        <v>3410</v>
      </c>
      <c r="D1459" s="28">
        <v>147100</v>
      </c>
      <c r="E1459" s="29" t="s">
        <v>3371</v>
      </c>
      <c r="F1459" s="29" t="s">
        <v>3392</v>
      </c>
      <c r="G1459" s="27">
        <v>9</v>
      </c>
    </row>
    <row r="1460" spans="1:46" ht="13.5" customHeight="1" x14ac:dyDescent="0.15">
      <c r="A1460" s="3">
        <v>1459</v>
      </c>
      <c r="B1460" s="30" t="s">
        <v>613</v>
      </c>
      <c r="C1460" s="27" t="s">
        <v>3410</v>
      </c>
      <c r="D1460" s="28">
        <v>147180</v>
      </c>
      <c r="E1460" s="29" t="s">
        <v>3379</v>
      </c>
      <c r="F1460" s="29" t="s">
        <v>3400</v>
      </c>
      <c r="G1460" s="27">
        <v>7</v>
      </c>
    </row>
    <row r="1461" spans="1:46" ht="13.5" customHeight="1" x14ac:dyDescent="0.15">
      <c r="A1461" s="3">
        <v>1460</v>
      </c>
      <c r="B1461" s="30" t="s">
        <v>613</v>
      </c>
      <c r="C1461" s="27" t="s">
        <v>2489</v>
      </c>
      <c r="D1461" s="28">
        <v>147470</v>
      </c>
      <c r="E1461" s="29" t="s">
        <v>3451</v>
      </c>
      <c r="F1461" s="29" t="s">
        <v>3482</v>
      </c>
      <c r="G1461" s="27">
        <v>6</v>
      </c>
    </row>
    <row r="1462" spans="1:46" ht="13.5" customHeight="1" x14ac:dyDescent="0.15">
      <c r="A1462" s="3">
        <v>1461</v>
      </c>
      <c r="B1462" s="30" t="s">
        <v>613</v>
      </c>
      <c r="C1462" s="27" t="s">
        <v>1384</v>
      </c>
      <c r="D1462" s="28">
        <v>147620</v>
      </c>
      <c r="E1462" s="42" t="s">
        <v>3515</v>
      </c>
      <c r="F1462" s="29" t="s">
        <v>3535</v>
      </c>
      <c r="G1462" s="27">
        <v>8</v>
      </c>
    </row>
    <row r="1463" spans="1:46" ht="13.5" customHeight="1" x14ac:dyDescent="0.15">
      <c r="A1463" s="3">
        <v>1462</v>
      </c>
      <c r="B1463" s="30" t="s">
        <v>613</v>
      </c>
      <c r="C1463" s="27" t="s">
        <v>3563</v>
      </c>
      <c r="D1463" s="28">
        <v>147640</v>
      </c>
      <c r="E1463" s="42" t="s">
        <v>3517</v>
      </c>
      <c r="F1463" s="29" t="s">
        <v>3552</v>
      </c>
      <c r="G1463" s="27">
        <v>5</v>
      </c>
    </row>
    <row r="1464" spans="1:46" ht="13.5" customHeight="1" x14ac:dyDescent="0.15">
      <c r="A1464" s="3">
        <v>1463</v>
      </c>
      <c r="B1464" s="26" t="s">
        <v>1051</v>
      </c>
      <c r="C1464" s="27" t="s">
        <v>981</v>
      </c>
      <c r="D1464" s="28">
        <v>751</v>
      </c>
      <c r="E1464" s="29" t="s">
        <v>1170</v>
      </c>
      <c r="F1464" s="29" t="s">
        <v>117</v>
      </c>
      <c r="G1464" s="27">
        <v>5</v>
      </c>
    </row>
    <row r="1465" spans="1:46" ht="13.5" customHeight="1" x14ac:dyDescent="0.15">
      <c r="A1465" s="3">
        <v>1464</v>
      </c>
      <c r="B1465" s="30" t="s">
        <v>613</v>
      </c>
      <c r="C1465" s="27" t="s">
        <v>981</v>
      </c>
      <c r="D1465" s="31">
        <v>761</v>
      </c>
      <c r="E1465" s="32" t="s">
        <v>1171</v>
      </c>
      <c r="F1465" s="32" t="s">
        <v>1698</v>
      </c>
      <c r="G1465" s="27">
        <v>3</v>
      </c>
      <c r="H1465" s="3"/>
      <c r="I1465" s="3"/>
      <c r="J1465" s="3"/>
      <c r="K1465" s="3"/>
      <c r="L1465" s="3"/>
      <c r="M1465" s="3"/>
      <c r="N1465" s="3"/>
      <c r="O1465" s="3"/>
      <c r="P1465" s="3"/>
      <c r="Q1465" s="3"/>
      <c r="R1465" s="3"/>
      <c r="S1465" s="3"/>
      <c r="T1465" s="3"/>
      <c r="U1465" s="3"/>
      <c r="V1465" s="3"/>
      <c r="W1465" s="3"/>
      <c r="X1465" s="3"/>
      <c r="Y1465" s="3"/>
      <c r="Z1465" s="3"/>
      <c r="AA1465" s="3"/>
      <c r="AB1465" s="3"/>
      <c r="AC1465" s="3"/>
      <c r="AD1465" s="3"/>
      <c r="AE1465" s="3"/>
      <c r="AF1465" s="3"/>
      <c r="AG1465" s="3"/>
      <c r="AH1465" s="3"/>
      <c r="AI1465" s="3"/>
      <c r="AJ1465" s="3"/>
      <c r="AK1465" s="3"/>
      <c r="AL1465" s="3"/>
      <c r="AM1465" s="3"/>
      <c r="AN1465" s="3"/>
      <c r="AO1465" s="3"/>
      <c r="AP1465" s="3"/>
      <c r="AQ1465" s="3"/>
      <c r="AR1465" s="3"/>
      <c r="AS1465" s="3"/>
      <c r="AT1465" s="3"/>
    </row>
    <row r="1466" spans="1:46" ht="13.5" customHeight="1" x14ac:dyDescent="0.15">
      <c r="A1466" s="3">
        <v>1465</v>
      </c>
      <c r="B1466" s="26" t="s">
        <v>1051</v>
      </c>
      <c r="C1466" s="27" t="s">
        <v>981</v>
      </c>
      <c r="D1466" s="28">
        <v>771</v>
      </c>
      <c r="E1466" s="29" t="s">
        <v>1570</v>
      </c>
      <c r="F1466" s="29" t="s">
        <v>3593</v>
      </c>
      <c r="G1466" s="27">
        <v>3</v>
      </c>
    </row>
    <row r="1467" spans="1:46" ht="13.5" customHeight="1" x14ac:dyDescent="0.15">
      <c r="A1467" s="3">
        <v>1466</v>
      </c>
      <c r="B1467" s="30" t="s">
        <v>613</v>
      </c>
      <c r="C1467" s="27" t="s">
        <v>981</v>
      </c>
      <c r="D1467" s="31">
        <v>3250</v>
      </c>
      <c r="E1467" s="32" t="s">
        <v>2101</v>
      </c>
      <c r="F1467" s="32" t="s">
        <v>1084</v>
      </c>
      <c r="G1467" s="27">
        <v>6</v>
      </c>
      <c r="H1467" s="3"/>
      <c r="I1467" s="3"/>
      <c r="J1467" s="3"/>
      <c r="K1467" s="3"/>
      <c r="L1467" s="3"/>
      <c r="M1467" s="3"/>
      <c r="N1467" s="3"/>
      <c r="O1467" s="3"/>
      <c r="P1467" s="3"/>
      <c r="Q1467" s="3"/>
      <c r="R1467" s="3"/>
      <c r="S1467" s="3"/>
      <c r="T1467" s="3"/>
      <c r="U1467" s="3"/>
      <c r="V1467" s="3"/>
      <c r="W1467" s="3"/>
      <c r="X1467" s="3"/>
      <c r="Y1467" s="3"/>
      <c r="Z1467" s="3"/>
      <c r="AA1467" s="3"/>
      <c r="AB1467" s="3"/>
      <c r="AC1467" s="3"/>
      <c r="AD1467" s="3"/>
      <c r="AE1467" s="3"/>
      <c r="AF1467" s="3"/>
      <c r="AG1467" s="3"/>
      <c r="AH1467" s="3"/>
      <c r="AI1467" s="3"/>
      <c r="AJ1467" s="3"/>
      <c r="AK1467" s="3"/>
      <c r="AL1467" s="3"/>
      <c r="AM1467" s="3"/>
      <c r="AN1467" s="3"/>
      <c r="AO1467" s="3"/>
      <c r="AP1467" s="3"/>
      <c r="AQ1467" s="3"/>
      <c r="AR1467" s="3"/>
      <c r="AS1467" s="3"/>
      <c r="AT1467" s="3"/>
    </row>
    <row r="1468" spans="1:46" ht="13.5" customHeight="1" x14ac:dyDescent="0.15">
      <c r="A1468" s="3">
        <v>1467</v>
      </c>
      <c r="B1468" s="30" t="s">
        <v>613</v>
      </c>
      <c r="C1468" s="27" t="s">
        <v>981</v>
      </c>
      <c r="D1468" s="31">
        <v>3700</v>
      </c>
      <c r="E1468" s="32" t="s">
        <v>215</v>
      </c>
      <c r="F1468" s="32" t="s">
        <v>1207</v>
      </c>
      <c r="G1468" s="27">
        <v>9</v>
      </c>
      <c r="H1468" s="3"/>
      <c r="I1468" s="3"/>
      <c r="J1468" s="3"/>
      <c r="K1468" s="3"/>
      <c r="L1468" s="3"/>
      <c r="M1468" s="3"/>
      <c r="N1468" s="3"/>
      <c r="O1468" s="3"/>
      <c r="P1468" s="3"/>
      <c r="Q1468" s="3"/>
      <c r="R1468" s="3"/>
      <c r="S1468" s="3"/>
      <c r="T1468" s="3"/>
      <c r="U1468" s="3"/>
      <c r="V1468" s="3"/>
      <c r="W1468" s="3"/>
      <c r="X1468" s="3"/>
      <c r="Y1468" s="3"/>
      <c r="Z1468" s="3"/>
      <c r="AA1468" s="3"/>
      <c r="AB1468" s="3"/>
      <c r="AC1468" s="3"/>
      <c r="AD1468" s="3"/>
      <c r="AE1468" s="3"/>
      <c r="AF1468" s="3"/>
      <c r="AG1468" s="3"/>
      <c r="AH1468" s="3"/>
      <c r="AI1468" s="3"/>
      <c r="AJ1468" s="3"/>
      <c r="AK1468" s="3"/>
      <c r="AL1468" s="3"/>
      <c r="AM1468" s="3"/>
      <c r="AN1468" s="3"/>
      <c r="AO1468" s="3"/>
      <c r="AP1468" s="3"/>
      <c r="AQ1468" s="3"/>
      <c r="AR1468" s="3"/>
      <c r="AS1468" s="3"/>
      <c r="AT1468" s="3"/>
    </row>
    <row r="1469" spans="1:46" ht="13.5" customHeight="1" x14ac:dyDescent="0.15">
      <c r="A1469" s="3">
        <v>1468</v>
      </c>
      <c r="B1469" s="30" t="s">
        <v>613</v>
      </c>
      <c r="C1469" s="27" t="s">
        <v>981</v>
      </c>
      <c r="D1469" s="31">
        <v>4710</v>
      </c>
      <c r="E1469" s="32" t="s">
        <v>1926</v>
      </c>
      <c r="F1469" s="32" t="s">
        <v>153</v>
      </c>
      <c r="G1469" s="27">
        <v>6</v>
      </c>
      <c r="H1469" s="3"/>
      <c r="I1469" s="3"/>
      <c r="J1469" s="3"/>
      <c r="K1469" s="3"/>
      <c r="L1469" s="3"/>
      <c r="M1469" s="3"/>
      <c r="N1469" s="3"/>
      <c r="O1469" s="3"/>
      <c r="P1469" s="3"/>
      <c r="Q1469" s="3"/>
      <c r="R1469" s="3"/>
      <c r="S1469" s="3"/>
      <c r="T1469" s="3"/>
      <c r="U1469" s="3"/>
      <c r="V1469" s="3"/>
      <c r="W1469" s="3"/>
      <c r="X1469" s="3"/>
      <c r="Y1469" s="3"/>
      <c r="Z1469" s="3"/>
      <c r="AA1469" s="3"/>
      <c r="AB1469" s="3"/>
      <c r="AC1469" s="3"/>
      <c r="AD1469" s="3"/>
      <c r="AE1469" s="3"/>
      <c r="AF1469" s="3"/>
      <c r="AG1469" s="3"/>
      <c r="AH1469" s="3"/>
      <c r="AI1469" s="3"/>
      <c r="AJ1469" s="3"/>
      <c r="AK1469" s="3"/>
      <c r="AL1469" s="3"/>
      <c r="AM1469" s="3"/>
      <c r="AN1469" s="3"/>
      <c r="AO1469" s="3"/>
      <c r="AP1469" s="3"/>
      <c r="AQ1469" s="3"/>
      <c r="AR1469" s="3"/>
      <c r="AS1469" s="3"/>
      <c r="AT1469" s="3"/>
    </row>
    <row r="1470" spans="1:46" ht="13.5" customHeight="1" x14ac:dyDescent="0.15">
      <c r="A1470" s="3">
        <v>1469</v>
      </c>
      <c r="B1470" s="30" t="s">
        <v>613</v>
      </c>
      <c r="C1470" s="27" t="s">
        <v>981</v>
      </c>
      <c r="D1470" s="31">
        <v>4790</v>
      </c>
      <c r="E1470" s="32" t="s">
        <v>1212</v>
      </c>
      <c r="F1470" s="32" t="s">
        <v>1507</v>
      </c>
      <c r="G1470" s="27">
        <v>6</v>
      </c>
      <c r="H1470" s="3"/>
      <c r="I1470" s="3"/>
      <c r="J1470" s="3"/>
      <c r="K1470" s="3"/>
      <c r="L1470" s="3"/>
      <c r="M1470" s="3"/>
      <c r="N1470" s="3"/>
      <c r="O1470" s="3"/>
      <c r="P1470" s="3"/>
      <c r="Q1470" s="3"/>
      <c r="R1470" s="3"/>
      <c r="S1470" s="3"/>
      <c r="T1470" s="3"/>
      <c r="U1470" s="3"/>
      <c r="V1470" s="3"/>
      <c r="W1470" s="3"/>
      <c r="X1470" s="3"/>
      <c r="Y1470" s="3"/>
      <c r="Z1470" s="3"/>
      <c r="AA1470" s="3"/>
      <c r="AB1470" s="3"/>
      <c r="AC1470" s="3"/>
      <c r="AD1470" s="3"/>
      <c r="AE1470" s="3"/>
      <c r="AF1470" s="3"/>
      <c r="AG1470" s="3"/>
      <c r="AH1470" s="3"/>
      <c r="AI1470" s="3"/>
      <c r="AJ1470" s="3"/>
      <c r="AK1470" s="3"/>
      <c r="AL1470" s="3"/>
      <c r="AM1470" s="3"/>
      <c r="AN1470" s="3"/>
      <c r="AO1470" s="3"/>
      <c r="AP1470" s="3"/>
      <c r="AQ1470" s="3"/>
      <c r="AR1470" s="3"/>
      <c r="AS1470" s="3"/>
      <c r="AT1470" s="3"/>
    </row>
    <row r="1471" spans="1:46" ht="13.5" customHeight="1" x14ac:dyDescent="0.15">
      <c r="A1471" s="3">
        <v>1470</v>
      </c>
      <c r="B1471" s="30" t="s">
        <v>613</v>
      </c>
      <c r="C1471" s="27" t="s">
        <v>981</v>
      </c>
      <c r="D1471" s="31">
        <v>5100</v>
      </c>
      <c r="E1471" s="32" t="s">
        <v>1184</v>
      </c>
      <c r="F1471" s="32" t="s">
        <v>1083</v>
      </c>
      <c r="G1471" s="27">
        <v>9</v>
      </c>
      <c r="H1471" s="3"/>
      <c r="I1471" s="3"/>
      <c r="J1471" s="3"/>
      <c r="K1471" s="3"/>
      <c r="L1471" s="3"/>
      <c r="M1471" s="3"/>
      <c r="N1471" s="3"/>
      <c r="O1471" s="3"/>
      <c r="P1471" s="3"/>
      <c r="Q1471" s="3"/>
      <c r="R1471" s="3"/>
      <c r="S1471" s="3"/>
      <c r="T1471" s="3"/>
      <c r="U1471" s="3"/>
      <c r="V1471" s="3"/>
      <c r="W1471" s="3"/>
      <c r="X1471" s="3"/>
      <c r="Y1471" s="3"/>
      <c r="Z1471" s="3"/>
      <c r="AA1471" s="3"/>
      <c r="AB1471" s="3"/>
      <c r="AC1471" s="3"/>
      <c r="AD1471" s="3"/>
      <c r="AE1471" s="3"/>
      <c r="AF1471" s="3"/>
      <c r="AG1471" s="3"/>
      <c r="AH1471" s="3"/>
      <c r="AI1471" s="3"/>
      <c r="AJ1471" s="3"/>
      <c r="AK1471" s="3"/>
      <c r="AL1471" s="3"/>
      <c r="AM1471" s="3"/>
      <c r="AN1471" s="3"/>
      <c r="AO1471" s="3"/>
      <c r="AP1471" s="3"/>
      <c r="AQ1471" s="3"/>
      <c r="AR1471" s="3"/>
      <c r="AS1471" s="3"/>
      <c r="AT1471" s="3"/>
    </row>
    <row r="1472" spans="1:46" ht="13.5" customHeight="1" x14ac:dyDescent="0.15">
      <c r="A1472" s="3">
        <v>1471</v>
      </c>
      <c r="B1472" s="30" t="s">
        <v>613</v>
      </c>
      <c r="C1472" s="27" t="s">
        <v>981</v>
      </c>
      <c r="D1472" s="31">
        <v>6040</v>
      </c>
      <c r="E1472" s="32" t="s">
        <v>699</v>
      </c>
      <c r="F1472" s="32" t="s">
        <v>353</v>
      </c>
      <c r="G1472" s="27">
        <v>9</v>
      </c>
      <c r="H1472" s="3"/>
      <c r="I1472" s="3"/>
      <c r="J1472" s="3"/>
      <c r="K1472" s="3"/>
      <c r="L1472" s="3"/>
      <c r="M1472" s="3"/>
      <c r="N1472" s="3"/>
      <c r="O1472" s="3"/>
      <c r="P1472" s="3"/>
      <c r="Q1472" s="3"/>
      <c r="R1472" s="3"/>
      <c r="S1472" s="3"/>
      <c r="T1472" s="3"/>
      <c r="U1472" s="3"/>
      <c r="V1472" s="3"/>
      <c r="W1472" s="3"/>
      <c r="X1472" s="3"/>
      <c r="Y1472" s="3"/>
      <c r="Z1472" s="3"/>
      <c r="AA1472" s="3"/>
      <c r="AB1472" s="3"/>
      <c r="AC1472" s="3"/>
      <c r="AD1472" s="3"/>
      <c r="AE1472" s="3"/>
      <c r="AF1472" s="3"/>
      <c r="AG1472" s="3"/>
      <c r="AH1472" s="3"/>
      <c r="AI1472" s="3"/>
      <c r="AJ1472" s="3"/>
      <c r="AK1472" s="3"/>
      <c r="AL1472" s="3"/>
      <c r="AM1472" s="3"/>
      <c r="AN1472" s="3"/>
      <c r="AO1472" s="3"/>
      <c r="AP1472" s="3"/>
      <c r="AQ1472" s="3"/>
      <c r="AR1472" s="3"/>
      <c r="AS1472" s="3"/>
      <c r="AT1472" s="3"/>
    </row>
    <row r="1473" spans="1:46" ht="13.5" customHeight="1" x14ac:dyDescent="0.15">
      <c r="A1473" s="3">
        <v>1472</v>
      </c>
      <c r="B1473" s="30" t="s">
        <v>613</v>
      </c>
      <c r="C1473" s="27" t="s">
        <v>981</v>
      </c>
      <c r="D1473" s="31">
        <v>6110</v>
      </c>
      <c r="E1473" s="32" t="s">
        <v>1634</v>
      </c>
      <c r="F1473" s="32" t="s">
        <v>488</v>
      </c>
      <c r="G1473" s="27">
        <v>11</v>
      </c>
      <c r="H1473" s="3"/>
      <c r="I1473" s="3"/>
      <c r="J1473" s="3"/>
      <c r="K1473" s="3"/>
      <c r="L1473" s="3"/>
      <c r="M1473" s="3"/>
      <c r="N1473" s="3"/>
      <c r="O1473" s="3"/>
      <c r="P1473" s="3"/>
      <c r="Q1473" s="3"/>
      <c r="R1473" s="3"/>
      <c r="S1473" s="3"/>
      <c r="T1473" s="3"/>
      <c r="U1473" s="3"/>
      <c r="V1473" s="3"/>
      <c r="W1473" s="3"/>
      <c r="X1473" s="3"/>
      <c r="Y1473" s="3"/>
      <c r="Z1473" s="3"/>
      <c r="AA1473" s="3"/>
      <c r="AB1473" s="3"/>
      <c r="AC1473" s="3"/>
      <c r="AD1473" s="3"/>
      <c r="AE1473" s="3"/>
      <c r="AF1473" s="3"/>
      <c r="AG1473" s="3"/>
      <c r="AH1473" s="3"/>
      <c r="AI1473" s="3"/>
      <c r="AJ1473" s="3"/>
      <c r="AK1473" s="3"/>
      <c r="AL1473" s="3"/>
      <c r="AM1473" s="3"/>
      <c r="AN1473" s="3"/>
      <c r="AO1473" s="3"/>
      <c r="AP1473" s="3"/>
      <c r="AQ1473" s="3"/>
      <c r="AR1473" s="3"/>
      <c r="AS1473" s="3"/>
      <c r="AT1473" s="3"/>
    </row>
    <row r="1474" spans="1:46" ht="13.5" customHeight="1" x14ac:dyDescent="0.15">
      <c r="A1474" s="3">
        <v>1473</v>
      </c>
      <c r="B1474" s="30" t="s">
        <v>613</v>
      </c>
      <c r="C1474" s="27" t="s">
        <v>981</v>
      </c>
      <c r="D1474" s="31">
        <v>8290</v>
      </c>
      <c r="E1474" s="32" t="s">
        <v>1380</v>
      </c>
      <c r="F1474" s="32" t="s">
        <v>97</v>
      </c>
      <c r="G1474" s="27">
        <v>5</v>
      </c>
      <c r="H1474" s="3"/>
      <c r="I1474" s="3"/>
      <c r="J1474" s="3"/>
      <c r="K1474" s="3"/>
      <c r="L1474" s="3"/>
      <c r="M1474" s="3"/>
      <c r="N1474" s="3"/>
      <c r="O1474" s="3"/>
      <c r="P1474" s="3"/>
      <c r="Q1474" s="3"/>
      <c r="R1474" s="3"/>
      <c r="S1474" s="3"/>
      <c r="T1474" s="3"/>
      <c r="U1474" s="3"/>
      <c r="V1474" s="3"/>
      <c r="W1474" s="3"/>
      <c r="X1474" s="3"/>
      <c r="Y1474" s="3"/>
      <c r="Z1474" s="3"/>
      <c r="AA1474" s="3"/>
      <c r="AB1474" s="3"/>
      <c r="AC1474" s="3"/>
      <c r="AD1474" s="3"/>
      <c r="AE1474" s="3"/>
      <c r="AF1474" s="3"/>
      <c r="AG1474" s="3"/>
      <c r="AH1474" s="3"/>
      <c r="AI1474" s="3"/>
      <c r="AJ1474" s="3"/>
      <c r="AK1474" s="3"/>
      <c r="AL1474" s="3"/>
      <c r="AM1474" s="3"/>
      <c r="AN1474" s="3"/>
      <c r="AO1474" s="3"/>
      <c r="AP1474" s="3"/>
      <c r="AQ1474" s="3"/>
      <c r="AR1474" s="3"/>
      <c r="AS1474" s="3"/>
      <c r="AT1474" s="3"/>
    </row>
    <row r="1475" spans="1:46" ht="13.5" customHeight="1" x14ac:dyDescent="0.15">
      <c r="A1475" s="3">
        <v>1474</v>
      </c>
      <c r="B1475" s="30" t="s">
        <v>613</v>
      </c>
      <c r="C1475" s="27" t="s">
        <v>981</v>
      </c>
      <c r="D1475" s="31">
        <v>8400</v>
      </c>
      <c r="E1475" s="32" t="s">
        <v>574</v>
      </c>
      <c r="F1475" s="32" t="s">
        <v>1251</v>
      </c>
      <c r="G1475" s="27">
        <v>2</v>
      </c>
      <c r="H1475" s="3"/>
      <c r="I1475" s="3"/>
      <c r="J1475" s="3"/>
      <c r="K1475" s="3"/>
      <c r="L1475" s="3"/>
      <c r="M1475" s="3"/>
      <c r="N1475" s="3"/>
      <c r="O1475" s="3"/>
      <c r="P1475" s="3"/>
      <c r="Q1475" s="3"/>
      <c r="R1475" s="3"/>
      <c r="S1475" s="3"/>
      <c r="T1475" s="3"/>
      <c r="U1475" s="3"/>
      <c r="V1475" s="3"/>
      <c r="W1475" s="3"/>
      <c r="X1475" s="3"/>
      <c r="Y1475" s="3"/>
      <c r="Z1475" s="3"/>
      <c r="AA1475" s="3"/>
      <c r="AB1475" s="3"/>
      <c r="AC1475" s="3"/>
      <c r="AD1475" s="3"/>
      <c r="AE1475" s="3"/>
      <c r="AF1475" s="3"/>
      <c r="AG1475" s="3"/>
      <c r="AH1475" s="3"/>
      <c r="AI1475" s="3"/>
      <c r="AJ1475" s="3"/>
      <c r="AK1475" s="3"/>
      <c r="AL1475" s="3"/>
      <c r="AM1475" s="3"/>
      <c r="AN1475" s="3"/>
      <c r="AO1475" s="3"/>
      <c r="AP1475" s="3"/>
      <c r="AQ1475" s="3"/>
      <c r="AR1475" s="3"/>
      <c r="AS1475" s="3"/>
      <c r="AT1475" s="3"/>
    </row>
    <row r="1476" spans="1:46" ht="13.5" customHeight="1" x14ac:dyDescent="0.15">
      <c r="A1476" s="3">
        <v>1475</v>
      </c>
      <c r="B1476" s="30" t="s">
        <v>613</v>
      </c>
      <c r="C1476" s="27" t="s">
        <v>981</v>
      </c>
      <c r="D1476" s="31">
        <v>8700</v>
      </c>
      <c r="E1476" s="32" t="s">
        <v>1718</v>
      </c>
      <c r="F1476" s="32" t="s">
        <v>2285</v>
      </c>
      <c r="G1476" s="27">
        <v>12</v>
      </c>
      <c r="H1476" s="3"/>
      <c r="I1476" s="3"/>
      <c r="J1476" s="3"/>
      <c r="K1476" s="3"/>
      <c r="L1476" s="3"/>
      <c r="M1476" s="3"/>
      <c r="N1476" s="3"/>
      <c r="O1476" s="3"/>
      <c r="P1476" s="3"/>
      <c r="Q1476" s="3"/>
      <c r="R1476" s="3"/>
      <c r="S1476" s="3"/>
      <c r="T1476" s="3"/>
      <c r="U1476" s="3"/>
      <c r="V1476" s="3"/>
      <c r="W1476" s="3"/>
      <c r="X1476" s="3"/>
      <c r="Y1476" s="3"/>
      <c r="Z1476" s="3"/>
      <c r="AA1476" s="3"/>
      <c r="AB1476" s="3"/>
      <c r="AC1476" s="3"/>
      <c r="AD1476" s="3"/>
      <c r="AE1476" s="3"/>
      <c r="AF1476" s="3"/>
      <c r="AG1476" s="3"/>
      <c r="AH1476" s="3"/>
      <c r="AI1476" s="3"/>
      <c r="AJ1476" s="3"/>
      <c r="AK1476" s="3"/>
      <c r="AL1476" s="3"/>
      <c r="AM1476" s="3"/>
      <c r="AN1476" s="3"/>
      <c r="AO1476" s="3"/>
      <c r="AP1476" s="3"/>
      <c r="AQ1476" s="3"/>
      <c r="AR1476" s="3"/>
      <c r="AS1476" s="3"/>
      <c r="AT1476" s="3"/>
    </row>
    <row r="1477" spans="1:46" ht="13.5" customHeight="1" x14ac:dyDescent="0.15">
      <c r="A1477" s="3">
        <v>1476</v>
      </c>
      <c r="B1477" s="30" t="s">
        <v>613</v>
      </c>
      <c r="C1477" s="27" t="s">
        <v>981</v>
      </c>
      <c r="D1477" s="31">
        <v>10940</v>
      </c>
      <c r="E1477" s="32" t="s">
        <v>2352</v>
      </c>
      <c r="F1477" s="32" t="s">
        <v>2368</v>
      </c>
      <c r="G1477" s="27">
        <v>4</v>
      </c>
      <c r="H1477" s="3"/>
      <c r="I1477" s="3"/>
      <c r="J1477" s="3"/>
      <c r="K1477" s="3"/>
      <c r="L1477" s="3"/>
      <c r="M1477" s="3"/>
      <c r="N1477" s="3"/>
      <c r="O1477" s="3"/>
      <c r="P1477" s="3"/>
      <c r="Q1477" s="3"/>
      <c r="R1477" s="3"/>
      <c r="S1477" s="3"/>
      <c r="T1477" s="3"/>
      <c r="U1477" s="3"/>
      <c r="V1477" s="3"/>
      <c r="W1477" s="3"/>
      <c r="X1477" s="3"/>
      <c r="Y1477" s="3"/>
      <c r="Z1477" s="3"/>
      <c r="AA1477" s="3"/>
      <c r="AB1477" s="3"/>
      <c r="AC1477" s="3"/>
      <c r="AD1477" s="3"/>
      <c r="AE1477" s="3"/>
      <c r="AF1477" s="3"/>
      <c r="AG1477" s="3"/>
      <c r="AH1477" s="3"/>
      <c r="AI1477" s="3"/>
      <c r="AJ1477" s="3"/>
      <c r="AK1477" s="3"/>
      <c r="AL1477" s="3"/>
      <c r="AM1477" s="3"/>
      <c r="AN1477" s="3"/>
      <c r="AO1477" s="3"/>
      <c r="AP1477" s="3"/>
      <c r="AQ1477" s="3"/>
      <c r="AR1477" s="3"/>
      <c r="AS1477" s="3"/>
      <c r="AT1477" s="3"/>
    </row>
    <row r="1478" spans="1:46" ht="13.5" customHeight="1" x14ac:dyDescent="0.15">
      <c r="A1478" s="3">
        <v>1477</v>
      </c>
      <c r="B1478" s="30" t="s">
        <v>613</v>
      </c>
      <c r="C1478" s="27" t="s">
        <v>981</v>
      </c>
      <c r="D1478" s="31">
        <v>10950</v>
      </c>
      <c r="E1478" s="32" t="s">
        <v>437</v>
      </c>
      <c r="F1478" s="32" t="s">
        <v>2160</v>
      </c>
      <c r="G1478" s="27">
        <v>6</v>
      </c>
    </row>
    <row r="1479" spans="1:46" ht="13.5" customHeight="1" x14ac:dyDescent="0.15">
      <c r="A1479" s="3">
        <v>1478</v>
      </c>
      <c r="B1479" s="30" t="s">
        <v>613</v>
      </c>
      <c r="C1479" s="27" t="s">
        <v>981</v>
      </c>
      <c r="D1479" s="31">
        <v>11440</v>
      </c>
      <c r="E1479" s="32" t="s">
        <v>1842</v>
      </c>
      <c r="F1479" s="32" t="s">
        <v>1920</v>
      </c>
      <c r="G1479" s="27">
        <v>12</v>
      </c>
      <c r="H1479" s="3"/>
      <c r="I1479" s="3"/>
      <c r="J1479" s="3"/>
      <c r="K1479" s="3"/>
      <c r="L1479" s="3"/>
      <c r="M1479" s="3"/>
      <c r="N1479" s="3"/>
      <c r="O1479" s="3"/>
      <c r="P1479" s="3"/>
      <c r="Q1479" s="3"/>
      <c r="R1479" s="3"/>
      <c r="S1479" s="3"/>
      <c r="T1479" s="3"/>
      <c r="U1479" s="3"/>
      <c r="V1479" s="3"/>
      <c r="W1479" s="3"/>
      <c r="X1479" s="3"/>
      <c r="Y1479" s="3"/>
      <c r="Z1479" s="3"/>
      <c r="AA1479" s="3"/>
      <c r="AB1479" s="3"/>
      <c r="AC1479" s="3"/>
      <c r="AD1479" s="3"/>
      <c r="AE1479" s="3"/>
      <c r="AF1479" s="3"/>
      <c r="AG1479" s="3"/>
      <c r="AH1479" s="3"/>
      <c r="AI1479" s="3"/>
      <c r="AJ1479" s="3"/>
      <c r="AK1479" s="3"/>
      <c r="AL1479" s="3"/>
      <c r="AM1479" s="3"/>
      <c r="AN1479" s="3"/>
      <c r="AO1479" s="3"/>
      <c r="AP1479" s="3"/>
      <c r="AQ1479" s="3"/>
      <c r="AR1479" s="3"/>
      <c r="AS1479" s="3"/>
      <c r="AT1479" s="3"/>
    </row>
    <row r="1480" spans="1:46" ht="13.5" customHeight="1" x14ac:dyDescent="0.15">
      <c r="A1480" s="3">
        <v>1479</v>
      </c>
      <c r="B1480" s="30" t="s">
        <v>613</v>
      </c>
      <c r="C1480" s="27" t="s">
        <v>981</v>
      </c>
      <c r="D1480" s="31">
        <v>13000</v>
      </c>
      <c r="E1480" s="32" t="s">
        <v>535</v>
      </c>
      <c r="F1480" s="32" t="s">
        <v>1922</v>
      </c>
      <c r="G1480" s="27">
        <v>9</v>
      </c>
      <c r="H1480" s="3"/>
      <c r="I1480" s="3"/>
      <c r="J1480" s="3"/>
      <c r="K1480" s="3"/>
      <c r="L1480" s="3"/>
      <c r="M1480" s="3"/>
      <c r="N1480" s="3"/>
      <c r="O1480" s="3"/>
      <c r="P1480" s="3"/>
      <c r="Q1480" s="3"/>
      <c r="R1480" s="3"/>
      <c r="S1480" s="3"/>
      <c r="T1480" s="3"/>
      <c r="U1480" s="3"/>
      <c r="V1480" s="3"/>
      <c r="W1480" s="3"/>
      <c r="X1480" s="3"/>
      <c r="Y1480" s="3"/>
      <c r="Z1480" s="3"/>
      <c r="AA1480" s="3"/>
      <c r="AB1480" s="3"/>
      <c r="AC1480" s="3"/>
      <c r="AD1480" s="3"/>
      <c r="AE1480" s="3"/>
      <c r="AF1480" s="3"/>
      <c r="AG1480" s="3"/>
      <c r="AH1480" s="3"/>
      <c r="AI1480" s="3"/>
      <c r="AJ1480" s="3"/>
      <c r="AK1480" s="3"/>
      <c r="AL1480" s="3"/>
      <c r="AM1480" s="3"/>
      <c r="AN1480" s="3"/>
      <c r="AO1480" s="3"/>
      <c r="AP1480" s="3"/>
      <c r="AQ1480" s="3"/>
      <c r="AR1480" s="3"/>
      <c r="AS1480" s="3"/>
      <c r="AT1480" s="3"/>
    </row>
    <row r="1481" spans="1:46" ht="13.5" customHeight="1" x14ac:dyDescent="0.15">
      <c r="A1481" s="3">
        <v>1480</v>
      </c>
      <c r="B1481" s="30" t="s">
        <v>613</v>
      </c>
      <c r="C1481" s="27" t="s">
        <v>981</v>
      </c>
      <c r="D1481" s="31">
        <v>13120</v>
      </c>
      <c r="E1481" s="32" t="s">
        <v>754</v>
      </c>
      <c r="F1481" s="32" t="s">
        <v>957</v>
      </c>
      <c r="G1481" s="27">
        <v>7</v>
      </c>
      <c r="H1481" s="3"/>
      <c r="I1481" s="3"/>
      <c r="J1481" s="3"/>
      <c r="K1481" s="3"/>
      <c r="L1481" s="3"/>
      <c r="M1481" s="3"/>
      <c r="N1481" s="3"/>
      <c r="O1481" s="3"/>
      <c r="P1481" s="3"/>
      <c r="Q1481" s="3"/>
      <c r="R1481" s="3"/>
      <c r="S1481" s="3"/>
      <c r="T1481" s="3"/>
      <c r="U1481" s="3"/>
      <c r="V1481" s="3"/>
      <c r="W1481" s="3"/>
      <c r="X1481" s="3"/>
      <c r="Y1481" s="3"/>
      <c r="Z1481" s="3"/>
      <c r="AA1481" s="3"/>
      <c r="AB1481" s="3"/>
      <c r="AC1481" s="3"/>
      <c r="AD1481" s="3"/>
      <c r="AE1481" s="3"/>
      <c r="AF1481" s="3"/>
      <c r="AG1481" s="3"/>
      <c r="AH1481" s="3"/>
      <c r="AI1481" s="3"/>
      <c r="AJ1481" s="3"/>
      <c r="AK1481" s="3"/>
      <c r="AL1481" s="3"/>
      <c r="AM1481" s="3"/>
      <c r="AN1481" s="3"/>
      <c r="AO1481" s="3"/>
      <c r="AP1481" s="3"/>
      <c r="AQ1481" s="3"/>
      <c r="AR1481" s="3"/>
      <c r="AS1481" s="3"/>
      <c r="AT1481" s="3"/>
    </row>
    <row r="1482" spans="1:46" ht="13.5" customHeight="1" x14ac:dyDescent="0.15">
      <c r="A1482" s="3">
        <v>1481</v>
      </c>
      <c r="B1482" s="30" t="s">
        <v>613</v>
      </c>
      <c r="C1482" s="27" t="s">
        <v>981</v>
      </c>
      <c r="D1482" s="31">
        <v>13170</v>
      </c>
      <c r="E1482" s="32" t="s">
        <v>1784</v>
      </c>
      <c r="F1482" s="32" t="s">
        <v>156</v>
      </c>
      <c r="G1482" s="27">
        <v>12</v>
      </c>
      <c r="H1482" s="3"/>
      <c r="I1482" s="3"/>
      <c r="J1482" s="3"/>
      <c r="K1482" s="3"/>
      <c r="L1482" s="3"/>
      <c r="M1482" s="3"/>
      <c r="N1482" s="3"/>
      <c r="O1482" s="3"/>
      <c r="P1482" s="3"/>
      <c r="Q1482" s="3"/>
      <c r="R1482" s="3"/>
      <c r="S1482" s="3"/>
      <c r="T1482" s="3"/>
      <c r="U1482" s="3"/>
      <c r="V1482" s="3"/>
      <c r="W1482" s="3"/>
      <c r="X1482" s="3"/>
      <c r="Y1482" s="3"/>
      <c r="Z1482" s="3"/>
      <c r="AA1482" s="3"/>
      <c r="AB1482" s="3"/>
      <c r="AC1482" s="3"/>
      <c r="AD1482" s="3"/>
      <c r="AE1482" s="3"/>
      <c r="AF1482" s="3"/>
      <c r="AG1482" s="3"/>
      <c r="AH1482" s="3"/>
      <c r="AI1482" s="3"/>
      <c r="AJ1482" s="3"/>
      <c r="AK1482" s="3"/>
      <c r="AL1482" s="3"/>
      <c r="AM1482" s="3"/>
      <c r="AN1482" s="3"/>
      <c r="AO1482" s="3"/>
      <c r="AP1482" s="3"/>
      <c r="AQ1482" s="3"/>
      <c r="AR1482" s="3"/>
      <c r="AS1482" s="3"/>
      <c r="AT1482" s="3"/>
    </row>
    <row r="1483" spans="1:46" ht="13.5" customHeight="1" x14ac:dyDescent="0.15">
      <c r="A1483" s="3">
        <v>1482</v>
      </c>
      <c r="B1483" s="30" t="s">
        <v>613</v>
      </c>
      <c r="C1483" s="27" t="s">
        <v>981</v>
      </c>
      <c r="D1483" s="31">
        <v>14520</v>
      </c>
      <c r="E1483" s="32" t="s">
        <v>483</v>
      </c>
      <c r="F1483" s="32" t="s">
        <v>306</v>
      </c>
      <c r="G1483" s="27">
        <v>6</v>
      </c>
      <c r="H1483" s="3"/>
      <c r="I1483" s="3"/>
      <c r="J1483" s="3"/>
      <c r="K1483" s="3"/>
      <c r="L1483" s="3"/>
      <c r="M1483" s="3"/>
      <c r="N1483" s="3"/>
      <c r="O1483" s="3"/>
      <c r="P1483" s="3"/>
      <c r="Q1483" s="3"/>
      <c r="R1483" s="3"/>
      <c r="S1483" s="3"/>
      <c r="T1483" s="3"/>
      <c r="U1483" s="3"/>
      <c r="V1483" s="3"/>
      <c r="W1483" s="3"/>
      <c r="X1483" s="3"/>
      <c r="Y1483" s="3"/>
      <c r="Z1483" s="3"/>
      <c r="AA1483" s="3"/>
      <c r="AB1483" s="3"/>
      <c r="AC1483" s="3"/>
      <c r="AD1483" s="3"/>
      <c r="AE1483" s="3"/>
      <c r="AF1483" s="3"/>
      <c r="AG1483" s="3"/>
      <c r="AH1483" s="3"/>
      <c r="AI1483" s="3"/>
      <c r="AJ1483" s="3"/>
      <c r="AK1483" s="3"/>
      <c r="AL1483" s="3"/>
      <c r="AM1483" s="3"/>
      <c r="AN1483" s="3"/>
      <c r="AO1483" s="3"/>
      <c r="AP1483" s="3"/>
      <c r="AQ1483" s="3"/>
      <c r="AR1483" s="3"/>
      <c r="AS1483" s="3"/>
      <c r="AT1483" s="3"/>
    </row>
    <row r="1484" spans="1:46" ht="13.5" customHeight="1" x14ac:dyDescent="0.15">
      <c r="A1484" s="3">
        <v>1483</v>
      </c>
      <c r="B1484" s="30" t="s">
        <v>613</v>
      </c>
      <c r="C1484" s="27" t="s">
        <v>981</v>
      </c>
      <c r="D1484" s="31">
        <v>14750</v>
      </c>
      <c r="E1484" s="32" t="s">
        <v>2</v>
      </c>
      <c r="F1484" s="32" t="s">
        <v>956</v>
      </c>
      <c r="G1484" s="27">
        <v>12</v>
      </c>
      <c r="H1484" s="3"/>
      <c r="I1484" s="3"/>
      <c r="J1484" s="3"/>
      <c r="K1484" s="3"/>
      <c r="L1484" s="3"/>
      <c r="M1484" s="3"/>
      <c r="N1484" s="3"/>
      <c r="O1484" s="3"/>
      <c r="P1484" s="3"/>
      <c r="Q1484" s="3"/>
      <c r="R1484" s="3"/>
      <c r="S1484" s="3"/>
      <c r="T1484" s="3"/>
      <c r="U1484" s="3"/>
      <c r="V1484" s="3"/>
      <c r="W1484" s="3"/>
      <c r="X1484" s="3"/>
      <c r="Y1484" s="3"/>
      <c r="Z1484" s="3"/>
      <c r="AA1484" s="3"/>
      <c r="AB1484" s="3"/>
      <c r="AC1484" s="3"/>
      <c r="AD1484" s="3"/>
      <c r="AE1484" s="3"/>
      <c r="AF1484" s="3"/>
      <c r="AG1484" s="3"/>
      <c r="AH1484" s="3"/>
      <c r="AI1484" s="3"/>
      <c r="AJ1484" s="3"/>
      <c r="AK1484" s="3"/>
      <c r="AL1484" s="3"/>
      <c r="AM1484" s="3"/>
      <c r="AN1484" s="3"/>
      <c r="AO1484" s="3"/>
      <c r="AP1484" s="3"/>
      <c r="AQ1484" s="3"/>
      <c r="AR1484" s="3"/>
      <c r="AS1484" s="3"/>
      <c r="AT1484" s="3"/>
    </row>
    <row r="1485" spans="1:46" ht="13.5" customHeight="1" x14ac:dyDescent="0.15">
      <c r="A1485" s="3">
        <v>1484</v>
      </c>
      <c r="B1485" s="30" t="s">
        <v>613</v>
      </c>
      <c r="C1485" s="27" t="s">
        <v>981</v>
      </c>
      <c r="D1485" s="31">
        <v>15200</v>
      </c>
      <c r="E1485" s="32" t="s">
        <v>13</v>
      </c>
      <c r="F1485" s="32" t="s">
        <v>1206</v>
      </c>
      <c r="G1485" s="27">
        <v>6</v>
      </c>
      <c r="H1485" s="3"/>
      <c r="I1485" s="3"/>
      <c r="J1485" s="3"/>
      <c r="K1485" s="3"/>
      <c r="L1485" s="3"/>
      <c r="M1485" s="3"/>
      <c r="N1485" s="3"/>
      <c r="O1485" s="3"/>
      <c r="P1485" s="3"/>
      <c r="Q1485" s="3"/>
      <c r="R1485" s="3"/>
      <c r="S1485" s="3"/>
      <c r="T1485" s="3"/>
      <c r="U1485" s="3"/>
      <c r="V1485" s="3"/>
      <c r="W1485" s="3"/>
      <c r="X1485" s="3"/>
      <c r="Y1485" s="3"/>
      <c r="Z1485" s="3"/>
      <c r="AA1485" s="3"/>
      <c r="AB1485" s="3"/>
      <c r="AC1485" s="3"/>
      <c r="AD1485" s="3"/>
      <c r="AE1485" s="3"/>
      <c r="AF1485" s="3"/>
      <c r="AG1485" s="3"/>
      <c r="AH1485" s="3"/>
      <c r="AI1485" s="3"/>
      <c r="AJ1485" s="3"/>
      <c r="AK1485" s="3"/>
      <c r="AL1485" s="3"/>
      <c r="AM1485" s="3"/>
      <c r="AN1485" s="3"/>
      <c r="AO1485" s="3"/>
      <c r="AP1485" s="3"/>
      <c r="AQ1485" s="3"/>
      <c r="AR1485" s="3"/>
      <c r="AS1485" s="3"/>
      <c r="AT1485" s="3"/>
    </row>
    <row r="1486" spans="1:46" ht="13.5" customHeight="1" x14ac:dyDescent="0.15">
      <c r="A1486" s="3">
        <v>1485</v>
      </c>
      <c r="B1486" s="30" t="s">
        <v>613</v>
      </c>
      <c r="C1486" s="27" t="s">
        <v>981</v>
      </c>
      <c r="D1486" s="31">
        <v>15640</v>
      </c>
      <c r="E1486" s="32" t="s">
        <v>618</v>
      </c>
      <c r="F1486" s="32" t="s">
        <v>100</v>
      </c>
      <c r="G1486" s="27">
        <v>8</v>
      </c>
      <c r="H1486" s="3"/>
      <c r="I1486" s="3"/>
      <c r="J1486" s="3"/>
      <c r="K1486" s="3"/>
      <c r="L1486" s="3"/>
      <c r="M1486" s="3"/>
      <c r="N1486" s="3"/>
      <c r="O1486" s="3"/>
      <c r="P1486" s="3"/>
      <c r="Q1486" s="3"/>
      <c r="R1486" s="3"/>
      <c r="S1486" s="3"/>
      <c r="T1486" s="3"/>
      <c r="U1486" s="3"/>
      <c r="V1486" s="3"/>
      <c r="W1486" s="3"/>
      <c r="X1486" s="3"/>
      <c r="Y1486" s="3"/>
      <c r="Z1486" s="3"/>
      <c r="AA1486" s="3"/>
      <c r="AB1486" s="3"/>
      <c r="AC1486" s="3"/>
      <c r="AD1486" s="3"/>
      <c r="AE1486" s="3"/>
      <c r="AF1486" s="3"/>
      <c r="AG1486" s="3"/>
      <c r="AH1486" s="3"/>
      <c r="AI1486" s="3"/>
      <c r="AJ1486" s="3"/>
      <c r="AK1486" s="3"/>
      <c r="AL1486" s="3"/>
      <c r="AM1486" s="3"/>
      <c r="AN1486" s="3"/>
      <c r="AO1486" s="3"/>
      <c r="AP1486" s="3"/>
      <c r="AQ1486" s="3"/>
      <c r="AR1486" s="3"/>
      <c r="AS1486" s="3"/>
      <c r="AT1486" s="3"/>
    </row>
    <row r="1487" spans="1:46" s="3" customFormat="1" ht="13.5" customHeight="1" x14ac:dyDescent="0.15">
      <c r="A1487" s="3">
        <v>1486</v>
      </c>
      <c r="B1487" s="30" t="s">
        <v>613</v>
      </c>
      <c r="C1487" s="27" t="s">
        <v>981</v>
      </c>
      <c r="D1487" s="31">
        <v>16150</v>
      </c>
      <c r="E1487" s="32" t="s">
        <v>1076</v>
      </c>
      <c r="F1487" s="32" t="s">
        <v>489</v>
      </c>
      <c r="G1487" s="27">
        <v>9</v>
      </c>
    </row>
    <row r="1488" spans="1:46" s="3" customFormat="1" ht="13.5" customHeight="1" x14ac:dyDescent="0.15">
      <c r="A1488" s="3">
        <v>1487</v>
      </c>
      <c r="B1488" s="30" t="s">
        <v>613</v>
      </c>
      <c r="C1488" s="27" t="s">
        <v>981</v>
      </c>
      <c r="D1488" s="31">
        <v>16540</v>
      </c>
      <c r="E1488" s="32" t="s">
        <v>466</v>
      </c>
      <c r="F1488" s="32" t="s">
        <v>110</v>
      </c>
      <c r="G1488" s="27">
        <v>5</v>
      </c>
    </row>
    <row r="1489" spans="1:46" s="3" customFormat="1" ht="13.5" customHeight="1" x14ac:dyDescent="0.15">
      <c r="A1489" s="3">
        <v>1488</v>
      </c>
      <c r="B1489" s="30" t="s">
        <v>613</v>
      </c>
      <c r="C1489" s="27" t="s">
        <v>981</v>
      </c>
      <c r="D1489" s="31">
        <v>16720</v>
      </c>
      <c r="E1489" s="32" t="s">
        <v>1399</v>
      </c>
      <c r="F1489" s="32" t="s">
        <v>368</v>
      </c>
      <c r="G1489" s="27">
        <v>6</v>
      </c>
      <c r="H1489" s="2"/>
      <c r="I1489" s="2"/>
      <c r="J1489" s="2"/>
      <c r="K1489" s="2"/>
      <c r="L1489" s="2"/>
      <c r="M1489" s="2"/>
      <c r="N1489" s="2"/>
      <c r="O1489" s="2"/>
      <c r="P1489" s="2"/>
      <c r="Q1489" s="2"/>
      <c r="R1489" s="2"/>
      <c r="S1489" s="2"/>
      <c r="T1489" s="2"/>
      <c r="U1489" s="2"/>
      <c r="V1489" s="2"/>
      <c r="W1489" s="2"/>
      <c r="X1489" s="2"/>
      <c r="Y1489" s="2"/>
      <c r="Z1489" s="2"/>
      <c r="AA1489" s="2"/>
      <c r="AB1489" s="2"/>
      <c r="AC1489" s="2"/>
      <c r="AD1489" s="2"/>
      <c r="AE1489" s="2"/>
      <c r="AF1489" s="2"/>
      <c r="AG1489" s="2"/>
      <c r="AH1489" s="2"/>
      <c r="AI1489" s="2"/>
      <c r="AJ1489" s="2"/>
      <c r="AK1489" s="2"/>
      <c r="AL1489" s="2"/>
      <c r="AM1489" s="2"/>
      <c r="AN1489" s="2"/>
      <c r="AO1489" s="2"/>
      <c r="AP1489" s="2"/>
      <c r="AQ1489" s="2"/>
      <c r="AR1489" s="2"/>
      <c r="AS1489" s="2"/>
      <c r="AT1489" s="2"/>
    </row>
    <row r="1490" spans="1:46" s="3" customFormat="1" ht="13.5" customHeight="1" x14ac:dyDescent="0.15">
      <c r="A1490" s="3">
        <v>1489</v>
      </c>
      <c r="B1490" s="30" t="s">
        <v>613</v>
      </c>
      <c r="C1490" s="27" t="s">
        <v>981</v>
      </c>
      <c r="D1490" s="31">
        <v>17010</v>
      </c>
      <c r="E1490" s="32" t="s">
        <v>1231</v>
      </c>
      <c r="F1490" s="32" t="s">
        <v>1509</v>
      </c>
      <c r="G1490" s="27">
        <v>12</v>
      </c>
    </row>
    <row r="1491" spans="1:46" s="3" customFormat="1" ht="13.5" customHeight="1" x14ac:dyDescent="0.15">
      <c r="A1491" s="3">
        <v>1490</v>
      </c>
      <c r="B1491" s="30" t="s">
        <v>613</v>
      </c>
      <c r="C1491" s="27" t="s">
        <v>981</v>
      </c>
      <c r="D1491" s="31">
        <v>18910</v>
      </c>
      <c r="E1491" s="32" t="s">
        <v>1409</v>
      </c>
      <c r="F1491" s="32" t="s">
        <v>1208</v>
      </c>
      <c r="G1491" s="27">
        <v>8</v>
      </c>
    </row>
    <row r="1492" spans="1:46" s="3" customFormat="1" ht="13.5" customHeight="1" x14ac:dyDescent="0.15">
      <c r="A1492" s="3">
        <v>1491</v>
      </c>
      <c r="B1492" s="30" t="s">
        <v>613</v>
      </c>
      <c r="C1492" s="27" t="s">
        <v>981</v>
      </c>
      <c r="D1492" s="31">
        <v>19020</v>
      </c>
      <c r="E1492" s="32" t="s">
        <v>2104</v>
      </c>
      <c r="F1492" s="32" t="s">
        <v>1252</v>
      </c>
      <c r="G1492" s="27">
        <v>6</v>
      </c>
    </row>
    <row r="1493" spans="1:46" s="3" customFormat="1" ht="13.5" customHeight="1" x14ac:dyDescent="0.15">
      <c r="A1493" s="3">
        <v>1492</v>
      </c>
      <c r="B1493" s="30" t="s">
        <v>613</v>
      </c>
      <c r="C1493" s="27" t="s">
        <v>981</v>
      </c>
      <c r="D1493" s="31">
        <v>21070</v>
      </c>
      <c r="E1493" s="32" t="s">
        <v>1658</v>
      </c>
      <c r="F1493" s="32" t="s">
        <v>1250</v>
      </c>
      <c r="G1493" s="27">
        <v>7</v>
      </c>
    </row>
    <row r="1494" spans="1:46" s="3" customFormat="1" ht="13.5" customHeight="1" x14ac:dyDescent="0.15">
      <c r="A1494" s="3">
        <v>1493</v>
      </c>
      <c r="B1494" s="30" t="s">
        <v>613</v>
      </c>
      <c r="C1494" s="27" t="s">
        <v>981</v>
      </c>
      <c r="D1494" s="31">
        <v>21380</v>
      </c>
      <c r="E1494" s="32" t="s">
        <v>1564</v>
      </c>
      <c r="F1494" s="32" t="s">
        <v>351</v>
      </c>
      <c r="G1494" s="27">
        <v>7</v>
      </c>
    </row>
    <row r="1495" spans="1:46" s="3" customFormat="1" ht="13.5" customHeight="1" x14ac:dyDescent="0.15">
      <c r="A1495" s="3">
        <v>1494</v>
      </c>
      <c r="B1495" s="30" t="s">
        <v>613</v>
      </c>
      <c r="C1495" s="27" t="s">
        <v>981</v>
      </c>
      <c r="D1495" s="31">
        <v>21620</v>
      </c>
      <c r="E1495" s="32" t="s">
        <v>2028</v>
      </c>
      <c r="F1495" s="32" t="s">
        <v>309</v>
      </c>
      <c r="G1495" s="27">
        <v>6</v>
      </c>
    </row>
    <row r="1496" spans="1:46" s="3" customFormat="1" ht="13.5" customHeight="1" x14ac:dyDescent="0.15">
      <c r="A1496" s="3">
        <v>1495</v>
      </c>
      <c r="B1496" s="30" t="s">
        <v>613</v>
      </c>
      <c r="C1496" s="27" t="s">
        <v>981</v>
      </c>
      <c r="D1496" s="31">
        <v>24670</v>
      </c>
      <c r="E1496" s="32" t="s">
        <v>343</v>
      </c>
      <c r="F1496" s="32" t="s">
        <v>154</v>
      </c>
      <c r="G1496" s="27">
        <v>12</v>
      </c>
    </row>
    <row r="1497" spans="1:46" s="3" customFormat="1" ht="13.5" customHeight="1" x14ac:dyDescent="0.15">
      <c r="A1497" s="3">
        <v>1496</v>
      </c>
      <c r="B1497" s="30" t="s">
        <v>613</v>
      </c>
      <c r="C1497" s="27" t="s">
        <v>981</v>
      </c>
      <c r="D1497" s="31">
        <v>24680</v>
      </c>
      <c r="E1497" s="32" t="s">
        <v>344</v>
      </c>
      <c r="F1497" s="32" t="s">
        <v>955</v>
      </c>
      <c r="G1497" s="27">
        <v>7</v>
      </c>
    </row>
    <row r="1498" spans="1:46" s="3" customFormat="1" ht="13.5" customHeight="1" x14ac:dyDescent="0.15">
      <c r="A1498" s="3">
        <v>1497</v>
      </c>
      <c r="B1498" s="30" t="s">
        <v>613</v>
      </c>
      <c r="C1498" s="27" t="s">
        <v>981</v>
      </c>
      <c r="D1498" s="31">
        <v>27360</v>
      </c>
      <c r="E1498" s="32" t="s">
        <v>2025</v>
      </c>
      <c r="F1498" s="32" t="s">
        <v>1260</v>
      </c>
      <c r="G1498" s="27">
        <v>4</v>
      </c>
    </row>
    <row r="1499" spans="1:46" s="3" customFormat="1" ht="13.5" customHeight="1" x14ac:dyDescent="0.15">
      <c r="A1499" s="3">
        <v>1498</v>
      </c>
      <c r="B1499" s="30" t="s">
        <v>613</v>
      </c>
      <c r="C1499" s="27" t="s">
        <v>987</v>
      </c>
      <c r="D1499" s="31">
        <v>27450</v>
      </c>
      <c r="E1499" s="32" t="s">
        <v>1789</v>
      </c>
      <c r="F1499" s="32" t="s">
        <v>1950</v>
      </c>
      <c r="G1499" s="27">
        <v>12</v>
      </c>
    </row>
    <row r="1500" spans="1:46" s="3" customFormat="1" ht="13.5" customHeight="1" x14ac:dyDescent="0.15">
      <c r="A1500" s="3">
        <v>1499</v>
      </c>
      <c r="B1500" s="30" t="s">
        <v>613</v>
      </c>
      <c r="C1500" s="27" t="s">
        <v>981</v>
      </c>
      <c r="D1500" s="31">
        <v>27460</v>
      </c>
      <c r="E1500" s="32" t="s">
        <v>1790</v>
      </c>
      <c r="F1500" s="32" t="s">
        <v>1505</v>
      </c>
      <c r="G1500" s="27">
        <v>12</v>
      </c>
    </row>
    <row r="1501" spans="1:46" s="3" customFormat="1" ht="13.5" customHeight="1" x14ac:dyDescent="0.15">
      <c r="A1501" s="3">
        <v>1500</v>
      </c>
      <c r="B1501" s="30" t="s">
        <v>613</v>
      </c>
      <c r="C1501" s="27" t="s">
        <v>981</v>
      </c>
      <c r="D1501" s="31">
        <v>31030</v>
      </c>
      <c r="E1501" s="32" t="s">
        <v>1377</v>
      </c>
      <c r="F1501" s="32" t="s">
        <v>2074</v>
      </c>
      <c r="G1501" s="27">
        <v>6</v>
      </c>
    </row>
    <row r="1502" spans="1:46" s="3" customFormat="1" ht="13.5" customHeight="1" x14ac:dyDescent="0.15">
      <c r="A1502" s="3">
        <v>1501</v>
      </c>
      <c r="B1502" s="30" t="s">
        <v>613</v>
      </c>
      <c r="C1502" s="27" t="s">
        <v>981</v>
      </c>
      <c r="D1502" s="31">
        <v>31040</v>
      </c>
      <c r="E1502" s="32" t="s">
        <v>259</v>
      </c>
      <c r="F1502" s="32" t="s">
        <v>1490</v>
      </c>
      <c r="G1502" s="27">
        <v>6</v>
      </c>
    </row>
    <row r="1503" spans="1:46" s="3" customFormat="1" ht="13.5" customHeight="1" x14ac:dyDescent="0.15">
      <c r="A1503" s="3">
        <v>1502</v>
      </c>
      <c r="B1503" s="30" t="s">
        <v>613</v>
      </c>
      <c r="C1503" s="27" t="s">
        <v>981</v>
      </c>
      <c r="D1503" s="31">
        <v>31050</v>
      </c>
      <c r="E1503" s="32" t="s">
        <v>235</v>
      </c>
      <c r="F1503" s="32" t="s">
        <v>1205</v>
      </c>
      <c r="G1503" s="27">
        <v>6</v>
      </c>
    </row>
    <row r="1504" spans="1:46" s="3" customFormat="1" ht="13.5" customHeight="1" x14ac:dyDescent="0.15">
      <c r="A1504" s="3">
        <v>1503</v>
      </c>
      <c r="B1504" s="30" t="s">
        <v>613</v>
      </c>
      <c r="C1504" s="27" t="s">
        <v>981</v>
      </c>
      <c r="D1504" s="31">
        <v>31060</v>
      </c>
      <c r="E1504" s="32" t="s">
        <v>236</v>
      </c>
      <c r="F1504" s="32" t="s">
        <v>1204</v>
      </c>
      <c r="G1504" s="27">
        <v>4</v>
      </c>
    </row>
    <row r="1505" spans="1:46" s="3" customFormat="1" ht="13.5" customHeight="1" x14ac:dyDescent="0.15">
      <c r="A1505" s="3">
        <v>1504</v>
      </c>
      <c r="B1505" s="30" t="s">
        <v>613</v>
      </c>
      <c r="C1505" s="27" t="s">
        <v>981</v>
      </c>
      <c r="D1505" s="31">
        <v>31070</v>
      </c>
      <c r="E1505" s="32" t="s">
        <v>497</v>
      </c>
      <c r="F1505" s="32" t="s">
        <v>1491</v>
      </c>
      <c r="G1505" s="27">
        <v>3</v>
      </c>
    </row>
    <row r="1506" spans="1:46" s="3" customFormat="1" ht="13.5" customHeight="1" x14ac:dyDescent="0.15">
      <c r="A1506" s="3">
        <v>1505</v>
      </c>
      <c r="B1506" s="30" t="s">
        <v>613</v>
      </c>
      <c r="C1506" s="27" t="s">
        <v>981</v>
      </c>
      <c r="D1506" s="31">
        <v>31940</v>
      </c>
      <c r="E1506" s="32" t="s">
        <v>786</v>
      </c>
      <c r="F1506" s="32" t="s">
        <v>1921</v>
      </c>
      <c r="G1506" s="27">
        <v>5</v>
      </c>
    </row>
    <row r="1507" spans="1:46" s="3" customFormat="1" ht="13.5" customHeight="1" x14ac:dyDescent="0.15">
      <c r="A1507" s="3">
        <v>1506</v>
      </c>
      <c r="B1507" s="30" t="s">
        <v>613</v>
      </c>
      <c r="C1507" s="27" t="s">
        <v>981</v>
      </c>
      <c r="D1507" s="31">
        <v>31950</v>
      </c>
      <c r="E1507" s="32" t="s">
        <v>378</v>
      </c>
      <c r="F1507" s="32" t="s">
        <v>101</v>
      </c>
      <c r="G1507" s="27">
        <v>5</v>
      </c>
    </row>
    <row r="1508" spans="1:46" s="3" customFormat="1" ht="13.5" customHeight="1" x14ac:dyDescent="0.15">
      <c r="A1508" s="3">
        <v>1507</v>
      </c>
      <c r="B1508" s="30" t="s">
        <v>613</v>
      </c>
      <c r="C1508" s="27" t="s">
        <v>981</v>
      </c>
      <c r="D1508" s="31">
        <v>31960</v>
      </c>
      <c r="E1508" s="32" t="s">
        <v>379</v>
      </c>
      <c r="F1508" s="32" t="s">
        <v>1085</v>
      </c>
      <c r="G1508" s="27">
        <v>4</v>
      </c>
    </row>
    <row r="1509" spans="1:46" s="3" customFormat="1" ht="13.5" customHeight="1" x14ac:dyDescent="0.15">
      <c r="A1509" s="3">
        <v>1508</v>
      </c>
      <c r="B1509" s="30" t="s">
        <v>613</v>
      </c>
      <c r="C1509" s="27" t="s">
        <v>981</v>
      </c>
      <c r="D1509" s="31">
        <v>31970</v>
      </c>
      <c r="E1509" s="32" t="s">
        <v>380</v>
      </c>
      <c r="F1509" s="32" t="s">
        <v>99</v>
      </c>
      <c r="G1509" s="27">
        <v>6</v>
      </c>
    </row>
    <row r="1510" spans="1:46" s="3" customFormat="1" ht="13.5" customHeight="1" x14ac:dyDescent="0.15">
      <c r="A1510" s="3">
        <v>1509</v>
      </c>
      <c r="B1510" s="30" t="s">
        <v>613</v>
      </c>
      <c r="C1510" s="27" t="s">
        <v>981</v>
      </c>
      <c r="D1510" s="31">
        <v>31980</v>
      </c>
      <c r="E1510" s="32" t="s">
        <v>381</v>
      </c>
      <c r="F1510" s="32" t="s">
        <v>1203</v>
      </c>
      <c r="G1510" s="27">
        <v>5</v>
      </c>
    </row>
    <row r="1511" spans="1:46" s="3" customFormat="1" ht="13.5" customHeight="1" x14ac:dyDescent="0.15">
      <c r="A1511" s="3">
        <v>1510</v>
      </c>
      <c r="B1511" s="30" t="s">
        <v>613</v>
      </c>
      <c r="C1511" s="27" t="s">
        <v>981</v>
      </c>
      <c r="D1511" s="31">
        <v>31990</v>
      </c>
      <c r="E1511" s="32" t="s">
        <v>382</v>
      </c>
      <c r="F1511" s="32" t="s">
        <v>1923</v>
      </c>
      <c r="G1511" s="27">
        <v>6</v>
      </c>
    </row>
    <row r="1512" spans="1:46" s="3" customFormat="1" ht="13.5" customHeight="1" x14ac:dyDescent="0.15">
      <c r="A1512" s="3">
        <v>1511</v>
      </c>
      <c r="B1512" s="30" t="s">
        <v>613</v>
      </c>
      <c r="C1512" s="27" t="s">
        <v>981</v>
      </c>
      <c r="D1512" s="31">
        <v>32000</v>
      </c>
      <c r="E1512" s="32" t="s">
        <v>730</v>
      </c>
      <c r="F1512" s="32" t="s">
        <v>1253</v>
      </c>
      <c r="G1512" s="27">
        <v>6</v>
      </c>
    </row>
    <row r="1513" spans="1:46" s="3" customFormat="1" ht="13.5" customHeight="1" x14ac:dyDescent="0.15">
      <c r="A1513" s="3">
        <v>1512</v>
      </c>
      <c r="B1513" s="30" t="s">
        <v>613</v>
      </c>
      <c r="C1513" s="27" t="s">
        <v>981</v>
      </c>
      <c r="D1513" s="31">
        <v>32010</v>
      </c>
      <c r="E1513" s="32" t="s">
        <v>383</v>
      </c>
      <c r="F1513" s="32" t="s">
        <v>1869</v>
      </c>
      <c r="G1513" s="27">
        <v>6</v>
      </c>
    </row>
    <row r="1514" spans="1:46" ht="13.5" customHeight="1" x14ac:dyDescent="0.15">
      <c r="A1514" s="3">
        <v>1513</v>
      </c>
      <c r="B1514" s="30" t="s">
        <v>613</v>
      </c>
      <c r="C1514" s="27" t="s">
        <v>981</v>
      </c>
      <c r="D1514" s="31">
        <v>32020</v>
      </c>
      <c r="E1514" s="32" t="s">
        <v>1823</v>
      </c>
      <c r="F1514" s="32" t="s">
        <v>487</v>
      </c>
      <c r="G1514" s="27">
        <v>6</v>
      </c>
      <c r="H1514" s="3"/>
      <c r="I1514" s="3"/>
      <c r="J1514" s="3"/>
      <c r="K1514" s="3"/>
      <c r="L1514" s="3"/>
      <c r="M1514" s="3"/>
      <c r="N1514" s="3"/>
      <c r="O1514" s="3"/>
      <c r="P1514" s="3"/>
      <c r="Q1514" s="3"/>
      <c r="R1514" s="3"/>
      <c r="S1514" s="3"/>
      <c r="T1514" s="3"/>
      <c r="U1514" s="3"/>
      <c r="V1514" s="3"/>
      <c r="W1514" s="3"/>
      <c r="X1514" s="3"/>
      <c r="Y1514" s="3"/>
      <c r="Z1514" s="3"/>
      <c r="AA1514" s="3"/>
      <c r="AB1514" s="3"/>
      <c r="AC1514" s="3"/>
      <c r="AD1514" s="3"/>
      <c r="AE1514" s="3"/>
      <c r="AF1514" s="3"/>
      <c r="AG1514" s="3"/>
      <c r="AH1514" s="3"/>
      <c r="AI1514" s="3"/>
      <c r="AJ1514" s="3"/>
      <c r="AK1514" s="3"/>
      <c r="AL1514" s="3"/>
      <c r="AM1514" s="3"/>
      <c r="AN1514" s="3"/>
      <c r="AO1514" s="3"/>
      <c r="AP1514" s="3"/>
      <c r="AQ1514" s="3"/>
      <c r="AR1514" s="3"/>
      <c r="AS1514" s="3"/>
      <c r="AT1514" s="3"/>
    </row>
    <row r="1515" spans="1:46" ht="13.5" customHeight="1" x14ac:dyDescent="0.15">
      <c r="A1515" s="3">
        <v>1514</v>
      </c>
      <c r="B1515" s="30" t="s">
        <v>613</v>
      </c>
      <c r="C1515" s="27" t="s">
        <v>981</v>
      </c>
      <c r="D1515" s="31">
        <v>33100</v>
      </c>
      <c r="E1515" s="32" t="s">
        <v>1061</v>
      </c>
      <c r="F1515" s="32" t="s">
        <v>1508</v>
      </c>
      <c r="G1515" s="27">
        <v>6</v>
      </c>
      <c r="H1515" s="3"/>
      <c r="I1515" s="3"/>
      <c r="J1515" s="3"/>
      <c r="K1515" s="3"/>
      <c r="L1515" s="3"/>
      <c r="M1515" s="3"/>
      <c r="N1515" s="3"/>
      <c r="O1515" s="3"/>
      <c r="P1515" s="3"/>
      <c r="Q1515" s="3"/>
      <c r="R1515" s="3"/>
      <c r="S1515" s="3"/>
      <c r="T1515" s="3"/>
      <c r="U1515" s="3"/>
      <c r="V1515" s="3"/>
      <c r="W1515" s="3"/>
      <c r="X1515" s="3"/>
      <c r="Y1515" s="3"/>
      <c r="Z1515" s="3"/>
      <c r="AA1515" s="3"/>
      <c r="AB1515" s="3"/>
      <c r="AC1515" s="3"/>
      <c r="AD1515" s="3"/>
      <c r="AE1515" s="3"/>
      <c r="AF1515" s="3"/>
      <c r="AG1515" s="3"/>
      <c r="AH1515" s="3"/>
      <c r="AI1515" s="3"/>
      <c r="AJ1515" s="3"/>
      <c r="AK1515" s="3"/>
      <c r="AL1515" s="3"/>
      <c r="AM1515" s="3"/>
      <c r="AN1515" s="3"/>
      <c r="AO1515" s="3"/>
      <c r="AP1515" s="3"/>
      <c r="AQ1515" s="3"/>
      <c r="AR1515" s="3"/>
      <c r="AS1515" s="3"/>
      <c r="AT1515" s="3"/>
    </row>
    <row r="1516" spans="1:46" ht="13.5" customHeight="1" x14ac:dyDescent="0.15">
      <c r="A1516" s="3">
        <v>1515</v>
      </c>
      <c r="B1516" s="30" t="s">
        <v>613</v>
      </c>
      <c r="C1516" s="27" t="s">
        <v>987</v>
      </c>
      <c r="D1516" s="31">
        <v>33570</v>
      </c>
      <c r="E1516" s="32" t="s">
        <v>166</v>
      </c>
      <c r="F1516" s="32" t="s">
        <v>844</v>
      </c>
      <c r="G1516" s="27">
        <v>5</v>
      </c>
      <c r="H1516" s="3"/>
      <c r="I1516" s="3"/>
      <c r="J1516" s="3"/>
      <c r="K1516" s="3"/>
      <c r="L1516" s="3"/>
      <c r="M1516" s="3"/>
      <c r="N1516" s="3"/>
      <c r="O1516" s="3"/>
      <c r="P1516" s="3"/>
      <c r="Q1516" s="3"/>
      <c r="R1516" s="3"/>
      <c r="S1516" s="3"/>
      <c r="T1516" s="3"/>
      <c r="U1516" s="3"/>
      <c r="V1516" s="3"/>
      <c r="W1516" s="3"/>
      <c r="X1516" s="3"/>
      <c r="Y1516" s="3"/>
      <c r="Z1516" s="3"/>
      <c r="AA1516" s="3"/>
      <c r="AB1516" s="3"/>
      <c r="AC1516" s="3"/>
      <c r="AD1516" s="3"/>
      <c r="AE1516" s="3"/>
      <c r="AF1516" s="3"/>
      <c r="AG1516" s="3"/>
      <c r="AH1516" s="3"/>
      <c r="AI1516" s="3"/>
      <c r="AJ1516" s="3"/>
      <c r="AK1516" s="3"/>
      <c r="AL1516" s="3"/>
      <c r="AM1516" s="3"/>
      <c r="AN1516" s="3"/>
      <c r="AO1516" s="3"/>
      <c r="AP1516" s="3"/>
      <c r="AQ1516" s="3"/>
      <c r="AR1516" s="3"/>
      <c r="AS1516" s="3"/>
      <c r="AT1516" s="3"/>
    </row>
    <row r="1517" spans="1:46" ht="13.5" customHeight="1" x14ac:dyDescent="0.15">
      <c r="A1517" s="3">
        <v>1516</v>
      </c>
      <c r="B1517" s="30" t="s">
        <v>613</v>
      </c>
      <c r="C1517" s="27" t="s">
        <v>981</v>
      </c>
      <c r="D1517" s="31">
        <v>33890</v>
      </c>
      <c r="E1517" s="32" t="s">
        <v>539</v>
      </c>
      <c r="F1517" s="32" t="s">
        <v>1337</v>
      </c>
      <c r="G1517" s="27">
        <v>12</v>
      </c>
      <c r="H1517" s="3"/>
      <c r="I1517" s="3"/>
      <c r="J1517" s="3"/>
      <c r="K1517" s="3"/>
      <c r="L1517" s="3"/>
      <c r="M1517" s="3"/>
      <c r="N1517" s="3"/>
      <c r="O1517" s="3"/>
      <c r="P1517" s="3"/>
      <c r="Q1517" s="3"/>
      <c r="R1517" s="3"/>
      <c r="S1517" s="3"/>
      <c r="T1517" s="3"/>
      <c r="U1517" s="3"/>
      <c r="V1517" s="3"/>
      <c r="W1517" s="3"/>
      <c r="X1517" s="3"/>
      <c r="Y1517" s="3"/>
      <c r="Z1517" s="3"/>
      <c r="AA1517" s="3"/>
      <c r="AB1517" s="3"/>
      <c r="AC1517" s="3"/>
      <c r="AD1517" s="3"/>
      <c r="AE1517" s="3"/>
      <c r="AF1517" s="3"/>
      <c r="AG1517" s="3"/>
      <c r="AH1517" s="3"/>
      <c r="AI1517" s="3"/>
      <c r="AJ1517" s="3"/>
      <c r="AK1517" s="3"/>
      <c r="AL1517" s="3"/>
      <c r="AM1517" s="3"/>
      <c r="AN1517" s="3"/>
      <c r="AO1517" s="3"/>
      <c r="AP1517" s="3"/>
      <c r="AQ1517" s="3"/>
      <c r="AR1517" s="3"/>
      <c r="AS1517" s="3"/>
      <c r="AT1517" s="3"/>
    </row>
    <row r="1518" spans="1:46" ht="13.5" customHeight="1" x14ac:dyDescent="0.15">
      <c r="A1518" s="3">
        <v>1517</v>
      </c>
      <c r="B1518" s="30" t="s">
        <v>613</v>
      </c>
      <c r="C1518" s="27" t="s">
        <v>981</v>
      </c>
      <c r="D1518" s="31">
        <v>34280</v>
      </c>
      <c r="E1518" s="32" t="s">
        <v>395</v>
      </c>
      <c r="F1518" s="32" t="s">
        <v>530</v>
      </c>
      <c r="G1518" s="27">
        <v>3</v>
      </c>
      <c r="H1518" s="3"/>
      <c r="I1518" s="3"/>
      <c r="J1518" s="3"/>
      <c r="K1518" s="3"/>
      <c r="L1518" s="3"/>
      <c r="M1518" s="3"/>
      <c r="N1518" s="3"/>
      <c r="O1518" s="3"/>
      <c r="P1518" s="3"/>
      <c r="Q1518" s="3"/>
      <c r="R1518" s="3"/>
      <c r="S1518" s="3"/>
      <c r="T1518" s="3"/>
      <c r="U1518" s="3"/>
      <c r="V1518" s="3"/>
      <c r="W1518" s="3"/>
      <c r="X1518" s="3"/>
      <c r="Y1518" s="3"/>
      <c r="Z1518" s="3"/>
      <c r="AA1518" s="3"/>
      <c r="AB1518" s="3"/>
      <c r="AC1518" s="3"/>
      <c r="AD1518" s="3"/>
      <c r="AE1518" s="3"/>
      <c r="AF1518" s="3"/>
      <c r="AG1518" s="3"/>
      <c r="AH1518" s="3"/>
      <c r="AI1518" s="3"/>
      <c r="AJ1518" s="3"/>
      <c r="AK1518" s="3"/>
      <c r="AL1518" s="3"/>
      <c r="AM1518" s="3"/>
      <c r="AN1518" s="3"/>
      <c r="AO1518" s="3"/>
      <c r="AP1518" s="3"/>
      <c r="AQ1518" s="3"/>
      <c r="AR1518" s="3"/>
      <c r="AS1518" s="3"/>
      <c r="AT1518" s="3"/>
    </row>
    <row r="1519" spans="1:46" ht="13.5" customHeight="1" x14ac:dyDescent="0.15">
      <c r="A1519" s="3">
        <v>1518</v>
      </c>
      <c r="B1519" s="30" t="s">
        <v>613</v>
      </c>
      <c r="C1519" s="27" t="s">
        <v>981</v>
      </c>
      <c r="D1519" s="31">
        <v>35100</v>
      </c>
      <c r="E1519" s="32" t="s">
        <v>1655</v>
      </c>
      <c r="F1519" s="32" t="s">
        <v>352</v>
      </c>
      <c r="G1519" s="27">
        <v>6</v>
      </c>
      <c r="H1519" s="3"/>
      <c r="I1519" s="3"/>
      <c r="J1519" s="3"/>
      <c r="K1519" s="3"/>
      <c r="L1519" s="3"/>
      <c r="M1519" s="3"/>
      <c r="N1519" s="3"/>
      <c r="O1519" s="3"/>
      <c r="P1519" s="3"/>
      <c r="Q1519" s="3"/>
      <c r="R1519" s="3"/>
      <c r="S1519" s="3"/>
      <c r="T1519" s="3"/>
      <c r="U1519" s="3"/>
      <c r="V1519" s="3"/>
      <c r="W1519" s="3"/>
      <c r="X1519" s="3"/>
      <c r="Y1519" s="3"/>
      <c r="Z1519" s="3"/>
      <c r="AA1519" s="3"/>
      <c r="AB1519" s="3"/>
      <c r="AC1519" s="3"/>
      <c r="AD1519" s="3"/>
      <c r="AE1519" s="3"/>
      <c r="AF1519" s="3"/>
      <c r="AG1519" s="3"/>
      <c r="AH1519" s="3"/>
      <c r="AI1519" s="3"/>
      <c r="AJ1519" s="3"/>
      <c r="AK1519" s="3"/>
      <c r="AL1519" s="3"/>
      <c r="AM1519" s="3"/>
      <c r="AN1519" s="3"/>
      <c r="AO1519" s="3"/>
      <c r="AP1519" s="3"/>
      <c r="AQ1519" s="3"/>
      <c r="AR1519" s="3"/>
      <c r="AS1519" s="3"/>
      <c r="AT1519" s="3"/>
    </row>
    <row r="1520" spans="1:46" ht="13.5" customHeight="1" x14ac:dyDescent="0.15">
      <c r="A1520" s="3">
        <v>1519</v>
      </c>
      <c r="B1520" s="30" t="s">
        <v>613</v>
      </c>
      <c r="C1520" s="27" t="s">
        <v>981</v>
      </c>
      <c r="D1520" s="31">
        <v>35110</v>
      </c>
      <c r="E1520" s="32" t="s">
        <v>1996</v>
      </c>
      <c r="F1520" s="32" t="s">
        <v>96</v>
      </c>
      <c r="G1520" s="27">
        <v>3</v>
      </c>
      <c r="H1520" s="3"/>
      <c r="I1520" s="3"/>
      <c r="J1520" s="3"/>
      <c r="K1520" s="3"/>
      <c r="L1520" s="3"/>
      <c r="M1520" s="3"/>
      <c r="N1520" s="3"/>
      <c r="O1520" s="3"/>
      <c r="P1520" s="3"/>
      <c r="Q1520" s="3"/>
      <c r="R1520" s="3"/>
      <c r="S1520" s="3"/>
      <c r="T1520" s="3"/>
      <c r="U1520" s="3"/>
      <c r="V1520" s="3"/>
      <c r="W1520" s="3"/>
      <c r="X1520" s="3"/>
      <c r="Y1520" s="3"/>
      <c r="Z1520" s="3"/>
      <c r="AA1520" s="3"/>
      <c r="AB1520" s="3"/>
      <c r="AC1520" s="3"/>
      <c r="AD1520" s="3"/>
      <c r="AE1520" s="3"/>
      <c r="AF1520" s="3"/>
      <c r="AG1520" s="3"/>
      <c r="AH1520" s="3"/>
      <c r="AI1520" s="3"/>
      <c r="AJ1520" s="3"/>
      <c r="AK1520" s="3"/>
      <c r="AL1520" s="3"/>
      <c r="AM1520" s="3"/>
      <c r="AN1520" s="3"/>
      <c r="AO1520" s="3"/>
      <c r="AP1520" s="3"/>
      <c r="AQ1520" s="3"/>
      <c r="AR1520" s="3"/>
      <c r="AS1520" s="3"/>
      <c r="AT1520" s="3"/>
    </row>
    <row r="1521" spans="1:46" ht="13.5" customHeight="1" x14ac:dyDescent="0.15">
      <c r="A1521" s="3">
        <v>1520</v>
      </c>
      <c r="B1521" s="30" t="s">
        <v>613</v>
      </c>
      <c r="C1521" s="27" t="s">
        <v>981</v>
      </c>
      <c r="D1521" s="31">
        <v>35120</v>
      </c>
      <c r="E1521" s="32" t="s">
        <v>1997</v>
      </c>
      <c r="F1521" s="32" t="s">
        <v>2568</v>
      </c>
      <c r="G1521" s="27">
        <v>5</v>
      </c>
      <c r="H1521" s="3"/>
      <c r="I1521" s="3"/>
      <c r="J1521" s="3"/>
      <c r="K1521" s="3"/>
      <c r="L1521" s="3"/>
      <c r="M1521" s="3"/>
      <c r="N1521" s="3"/>
      <c r="O1521" s="3"/>
      <c r="P1521" s="3"/>
      <c r="Q1521" s="3"/>
      <c r="R1521" s="3"/>
      <c r="S1521" s="3"/>
      <c r="T1521" s="3"/>
      <c r="U1521" s="3"/>
      <c r="V1521" s="3"/>
      <c r="W1521" s="3"/>
      <c r="X1521" s="3"/>
      <c r="Y1521" s="3"/>
      <c r="Z1521" s="3"/>
      <c r="AA1521" s="3"/>
      <c r="AB1521" s="3"/>
      <c r="AC1521" s="3"/>
      <c r="AD1521" s="3"/>
      <c r="AE1521" s="3"/>
      <c r="AF1521" s="3"/>
      <c r="AG1521" s="3"/>
      <c r="AH1521" s="3"/>
      <c r="AI1521" s="3"/>
      <c r="AJ1521" s="3"/>
      <c r="AK1521" s="3"/>
      <c r="AL1521" s="3"/>
      <c r="AM1521" s="3"/>
      <c r="AN1521" s="3"/>
      <c r="AO1521" s="3"/>
      <c r="AP1521" s="3"/>
      <c r="AQ1521" s="3"/>
      <c r="AR1521" s="3"/>
      <c r="AS1521" s="3"/>
      <c r="AT1521" s="3"/>
    </row>
    <row r="1522" spans="1:46" ht="13.5" customHeight="1" x14ac:dyDescent="0.15">
      <c r="A1522" s="3">
        <v>1521</v>
      </c>
      <c r="B1522" s="30" t="s">
        <v>613</v>
      </c>
      <c r="C1522" s="27" t="s">
        <v>981</v>
      </c>
      <c r="D1522" s="31">
        <v>37110</v>
      </c>
      <c r="E1522" s="32" t="s">
        <v>1781</v>
      </c>
      <c r="F1522" s="32" t="s">
        <v>155</v>
      </c>
      <c r="G1522" s="27">
        <v>8</v>
      </c>
      <c r="H1522" s="3"/>
      <c r="I1522" s="3"/>
      <c r="J1522" s="3"/>
      <c r="K1522" s="3"/>
      <c r="L1522" s="3"/>
      <c r="M1522" s="3"/>
      <c r="N1522" s="3"/>
      <c r="O1522" s="3"/>
      <c r="P1522" s="3"/>
      <c r="Q1522" s="3"/>
      <c r="R1522" s="3"/>
      <c r="S1522" s="3"/>
      <c r="T1522" s="3"/>
      <c r="U1522" s="3"/>
      <c r="V1522" s="3"/>
      <c r="W1522" s="3"/>
      <c r="X1522" s="3"/>
      <c r="Y1522" s="3"/>
      <c r="Z1522" s="3"/>
      <c r="AA1522" s="3"/>
      <c r="AB1522" s="3"/>
      <c r="AC1522" s="3"/>
      <c r="AD1522" s="3"/>
      <c r="AE1522" s="3"/>
      <c r="AF1522" s="3"/>
      <c r="AG1522" s="3"/>
      <c r="AH1522" s="3"/>
      <c r="AI1522" s="3"/>
      <c r="AJ1522" s="3"/>
      <c r="AK1522" s="3"/>
      <c r="AL1522" s="3"/>
      <c r="AM1522" s="3"/>
      <c r="AN1522" s="3"/>
      <c r="AO1522" s="3"/>
      <c r="AP1522" s="3"/>
      <c r="AQ1522" s="3"/>
      <c r="AR1522" s="3"/>
      <c r="AS1522" s="3"/>
      <c r="AT1522" s="3"/>
    </row>
    <row r="1523" spans="1:46" ht="13.5" customHeight="1" x14ac:dyDescent="0.15">
      <c r="A1523" s="3">
        <v>1522</v>
      </c>
      <c r="B1523" s="30" t="s">
        <v>613</v>
      </c>
      <c r="C1523" s="27" t="s">
        <v>981</v>
      </c>
      <c r="D1523" s="31">
        <v>38550</v>
      </c>
      <c r="E1523" s="32" t="s">
        <v>3009</v>
      </c>
      <c r="F1523" s="32" t="s">
        <v>98</v>
      </c>
      <c r="G1523" s="27">
        <v>5</v>
      </c>
      <c r="H1523" s="3"/>
      <c r="I1523" s="3"/>
      <c r="J1523" s="3"/>
      <c r="K1523" s="3"/>
      <c r="L1523" s="3"/>
      <c r="M1523" s="3"/>
      <c r="N1523" s="3"/>
      <c r="O1523" s="3"/>
      <c r="P1523" s="3"/>
      <c r="Q1523" s="3"/>
      <c r="R1523" s="3"/>
      <c r="S1523" s="3"/>
      <c r="T1523" s="3"/>
      <c r="U1523" s="3"/>
      <c r="V1523" s="3"/>
      <c r="W1523" s="3"/>
      <c r="X1523" s="3"/>
      <c r="Y1523" s="3"/>
      <c r="Z1523" s="3"/>
      <c r="AA1523" s="3"/>
      <c r="AB1523" s="3"/>
      <c r="AC1523" s="3"/>
      <c r="AD1523" s="3"/>
      <c r="AE1523" s="3"/>
      <c r="AF1523" s="3"/>
      <c r="AG1523" s="3"/>
      <c r="AH1523" s="3"/>
      <c r="AI1523" s="3"/>
      <c r="AJ1523" s="3"/>
      <c r="AK1523" s="3"/>
      <c r="AL1523" s="3"/>
      <c r="AM1523" s="3"/>
      <c r="AN1523" s="3"/>
      <c r="AO1523" s="3"/>
      <c r="AP1523" s="3"/>
      <c r="AQ1523" s="3"/>
      <c r="AR1523" s="3"/>
      <c r="AS1523" s="3"/>
      <c r="AT1523" s="3"/>
    </row>
    <row r="1524" spans="1:46" ht="13.5" customHeight="1" x14ac:dyDescent="0.15">
      <c r="A1524" s="3">
        <v>1523</v>
      </c>
      <c r="B1524" s="30" t="s">
        <v>613</v>
      </c>
      <c r="C1524" s="27" t="s">
        <v>981</v>
      </c>
      <c r="D1524" s="31">
        <v>38640</v>
      </c>
      <c r="E1524" s="32" t="s">
        <v>3012</v>
      </c>
      <c r="F1524" s="32" t="s">
        <v>1506</v>
      </c>
      <c r="G1524" s="27">
        <v>6</v>
      </c>
      <c r="H1524" s="3"/>
      <c r="I1524" s="3"/>
      <c r="J1524" s="3"/>
      <c r="K1524" s="3"/>
      <c r="L1524" s="3"/>
      <c r="M1524" s="3"/>
      <c r="N1524" s="3"/>
      <c r="O1524" s="3"/>
      <c r="P1524" s="3"/>
      <c r="Q1524" s="3"/>
      <c r="R1524" s="3"/>
      <c r="S1524" s="3"/>
      <c r="T1524" s="3"/>
      <c r="U1524" s="3"/>
      <c r="V1524" s="3"/>
      <c r="W1524" s="3"/>
      <c r="X1524" s="3"/>
      <c r="Y1524" s="3"/>
      <c r="Z1524" s="3"/>
      <c r="AA1524" s="3"/>
      <c r="AB1524" s="3"/>
      <c r="AC1524" s="3"/>
      <c r="AD1524" s="3"/>
      <c r="AE1524" s="3"/>
      <c r="AF1524" s="3"/>
      <c r="AG1524" s="3"/>
      <c r="AH1524" s="3"/>
      <c r="AI1524" s="3"/>
      <c r="AJ1524" s="3"/>
      <c r="AK1524" s="3"/>
      <c r="AL1524" s="3"/>
      <c r="AM1524" s="3"/>
      <c r="AN1524" s="3"/>
      <c r="AO1524" s="3"/>
      <c r="AP1524" s="3"/>
      <c r="AQ1524" s="3"/>
      <c r="AR1524" s="3"/>
      <c r="AS1524" s="3"/>
      <c r="AT1524" s="3"/>
    </row>
    <row r="1525" spans="1:46" ht="13.5" customHeight="1" x14ac:dyDescent="0.15">
      <c r="A1525" s="3">
        <v>1524</v>
      </c>
      <c r="B1525" s="30" t="s">
        <v>613</v>
      </c>
      <c r="C1525" s="27" t="s">
        <v>981</v>
      </c>
      <c r="D1525" s="31">
        <v>39330</v>
      </c>
      <c r="E1525" s="32" t="s">
        <v>3037</v>
      </c>
      <c r="F1525" s="32" t="s">
        <v>1880</v>
      </c>
      <c r="G1525" s="27">
        <v>8</v>
      </c>
      <c r="H1525" s="3"/>
      <c r="I1525" s="3"/>
      <c r="J1525" s="3"/>
      <c r="K1525" s="3"/>
      <c r="L1525" s="3"/>
      <c r="M1525" s="3"/>
      <c r="N1525" s="3"/>
      <c r="O1525" s="3"/>
      <c r="P1525" s="3"/>
      <c r="Q1525" s="3"/>
      <c r="R1525" s="3"/>
      <c r="S1525" s="3"/>
      <c r="T1525" s="3"/>
      <c r="U1525" s="3"/>
      <c r="V1525" s="3"/>
      <c r="W1525" s="3"/>
      <c r="X1525" s="3"/>
      <c r="Y1525" s="3"/>
      <c r="Z1525" s="3"/>
      <c r="AA1525" s="3"/>
      <c r="AB1525" s="3"/>
      <c r="AC1525" s="3"/>
      <c r="AD1525" s="3"/>
      <c r="AE1525" s="3"/>
      <c r="AF1525" s="3"/>
      <c r="AG1525" s="3"/>
      <c r="AH1525" s="3"/>
      <c r="AI1525" s="3"/>
      <c r="AJ1525" s="3"/>
      <c r="AK1525" s="3"/>
      <c r="AL1525" s="3"/>
      <c r="AM1525" s="3"/>
      <c r="AN1525" s="3"/>
      <c r="AO1525" s="3"/>
      <c r="AP1525" s="3"/>
      <c r="AQ1525" s="3"/>
      <c r="AR1525" s="3"/>
      <c r="AS1525" s="3"/>
      <c r="AT1525" s="3"/>
    </row>
    <row r="1526" spans="1:46" ht="13.5" customHeight="1" x14ac:dyDescent="0.15">
      <c r="A1526" s="3">
        <v>1525</v>
      </c>
      <c r="B1526" s="30" t="s">
        <v>613</v>
      </c>
      <c r="C1526" s="35" t="s">
        <v>248</v>
      </c>
      <c r="D1526" s="28">
        <v>41440</v>
      </c>
      <c r="E1526" s="36" t="s">
        <v>83</v>
      </c>
      <c r="F1526" s="29" t="s">
        <v>2286</v>
      </c>
      <c r="G1526" s="27">
        <v>12</v>
      </c>
      <c r="H1526" s="3"/>
      <c r="I1526" s="3"/>
      <c r="J1526" s="3"/>
      <c r="K1526" s="3"/>
      <c r="L1526" s="3"/>
      <c r="M1526" s="3"/>
      <c r="N1526" s="3"/>
      <c r="O1526" s="3"/>
      <c r="P1526" s="3"/>
      <c r="Q1526" s="3"/>
      <c r="R1526" s="3"/>
      <c r="S1526" s="3"/>
      <c r="T1526" s="3"/>
      <c r="U1526" s="3"/>
      <c r="V1526" s="3"/>
      <c r="W1526" s="3"/>
      <c r="X1526" s="3"/>
      <c r="Y1526" s="3"/>
      <c r="Z1526" s="3"/>
      <c r="AA1526" s="3"/>
      <c r="AB1526" s="3"/>
      <c r="AC1526" s="3"/>
      <c r="AD1526" s="3"/>
      <c r="AE1526" s="3"/>
      <c r="AF1526" s="3"/>
      <c r="AG1526" s="3"/>
      <c r="AH1526" s="3"/>
      <c r="AI1526" s="3"/>
      <c r="AJ1526" s="3"/>
      <c r="AK1526" s="3"/>
      <c r="AL1526" s="3"/>
      <c r="AM1526" s="3"/>
      <c r="AN1526" s="3"/>
      <c r="AO1526" s="3"/>
      <c r="AP1526" s="3"/>
      <c r="AQ1526" s="3"/>
      <c r="AR1526" s="3"/>
      <c r="AS1526" s="3"/>
      <c r="AT1526" s="3"/>
    </row>
    <row r="1527" spans="1:46" ht="13.5" customHeight="1" x14ac:dyDescent="0.15">
      <c r="A1527" s="3">
        <v>1526</v>
      </c>
      <c r="B1527" s="30" t="s">
        <v>613</v>
      </c>
      <c r="C1527" s="27" t="s">
        <v>1519</v>
      </c>
      <c r="D1527" s="28">
        <v>41580</v>
      </c>
      <c r="E1527" s="32" t="s">
        <v>1520</v>
      </c>
      <c r="F1527" s="32" t="s">
        <v>1924</v>
      </c>
      <c r="G1527" s="27">
        <v>7</v>
      </c>
      <c r="H1527" s="3"/>
      <c r="I1527" s="3"/>
      <c r="J1527" s="3"/>
      <c r="K1527" s="3"/>
      <c r="L1527" s="3"/>
      <c r="M1527" s="3"/>
      <c r="N1527" s="3"/>
      <c r="O1527" s="3"/>
      <c r="P1527" s="3"/>
      <c r="Q1527" s="3"/>
      <c r="R1527" s="3"/>
      <c r="S1527" s="3"/>
      <c r="T1527" s="3"/>
      <c r="U1527" s="3"/>
      <c r="V1527" s="3"/>
      <c r="W1527" s="3"/>
      <c r="X1527" s="3"/>
      <c r="Y1527" s="3"/>
      <c r="Z1527" s="3"/>
      <c r="AA1527" s="3"/>
      <c r="AB1527" s="3"/>
      <c r="AC1527" s="3"/>
      <c r="AD1527" s="3"/>
      <c r="AE1527" s="3"/>
      <c r="AF1527" s="3"/>
      <c r="AG1527" s="3"/>
      <c r="AH1527" s="3"/>
      <c r="AI1527" s="3"/>
      <c r="AJ1527" s="3"/>
      <c r="AK1527" s="3"/>
      <c r="AL1527" s="3"/>
      <c r="AM1527" s="3"/>
      <c r="AN1527" s="3"/>
      <c r="AO1527" s="3"/>
      <c r="AP1527" s="3"/>
      <c r="AQ1527" s="3"/>
      <c r="AR1527" s="3"/>
      <c r="AS1527" s="3"/>
      <c r="AT1527" s="3"/>
    </row>
    <row r="1528" spans="1:46" ht="13.5" customHeight="1" x14ac:dyDescent="0.15">
      <c r="A1528" s="3">
        <v>1527</v>
      </c>
      <c r="B1528" s="30" t="s">
        <v>613</v>
      </c>
      <c r="C1528" s="27" t="s">
        <v>987</v>
      </c>
      <c r="D1528" s="28">
        <v>41800</v>
      </c>
      <c r="E1528" s="38" t="s">
        <v>812</v>
      </c>
      <c r="F1528" s="36" t="s">
        <v>1764</v>
      </c>
      <c r="G1528" s="27">
        <v>3</v>
      </c>
      <c r="H1528" s="3"/>
      <c r="I1528" s="3"/>
      <c r="J1528" s="3"/>
      <c r="K1528" s="3"/>
      <c r="L1528" s="3"/>
      <c r="M1528" s="3"/>
      <c r="N1528" s="3"/>
      <c r="O1528" s="3"/>
      <c r="P1528" s="3"/>
      <c r="Q1528" s="3"/>
      <c r="R1528" s="3"/>
      <c r="S1528" s="3"/>
      <c r="T1528" s="3"/>
      <c r="U1528" s="3"/>
      <c r="V1528" s="3"/>
      <c r="W1528" s="3"/>
      <c r="X1528" s="3"/>
      <c r="Y1528" s="3"/>
      <c r="Z1528" s="3"/>
      <c r="AA1528" s="3"/>
      <c r="AB1528" s="3"/>
      <c r="AC1528" s="3"/>
      <c r="AD1528" s="3"/>
      <c r="AE1528" s="3"/>
      <c r="AF1528" s="3"/>
      <c r="AG1528" s="3"/>
      <c r="AH1528" s="3"/>
      <c r="AI1528" s="3"/>
      <c r="AJ1528" s="3"/>
      <c r="AK1528" s="3"/>
      <c r="AL1528" s="3"/>
      <c r="AM1528" s="3"/>
      <c r="AN1528" s="3"/>
      <c r="AO1528" s="3"/>
      <c r="AP1528" s="3"/>
      <c r="AQ1528" s="3"/>
      <c r="AR1528" s="3"/>
      <c r="AS1528" s="3"/>
      <c r="AT1528" s="3"/>
    </row>
    <row r="1529" spans="1:46" ht="13.5" customHeight="1" x14ac:dyDescent="0.15">
      <c r="A1529" s="3">
        <v>1528</v>
      </c>
      <c r="B1529" s="30" t="s">
        <v>613</v>
      </c>
      <c r="C1529" s="27" t="s">
        <v>987</v>
      </c>
      <c r="D1529" s="28">
        <v>42370</v>
      </c>
      <c r="E1529" s="36" t="s">
        <v>1592</v>
      </c>
      <c r="F1529" s="32" t="s">
        <v>1591</v>
      </c>
      <c r="G1529" s="27">
        <v>3</v>
      </c>
      <c r="H1529" s="3"/>
      <c r="I1529" s="3"/>
      <c r="J1529" s="3"/>
      <c r="K1529" s="3"/>
      <c r="L1529" s="3"/>
      <c r="M1529" s="3"/>
      <c r="N1529" s="3"/>
      <c r="O1529" s="3"/>
      <c r="P1529" s="3"/>
      <c r="Q1529" s="3"/>
      <c r="R1529" s="3"/>
      <c r="S1529" s="3"/>
      <c r="T1529" s="3"/>
      <c r="U1529" s="3"/>
      <c r="V1529" s="3"/>
      <c r="W1529" s="3"/>
      <c r="X1529" s="3"/>
      <c r="Y1529" s="3"/>
      <c r="Z1529" s="3"/>
      <c r="AA1529" s="3"/>
      <c r="AB1529" s="3"/>
      <c r="AC1529" s="3"/>
      <c r="AD1529" s="3"/>
      <c r="AE1529" s="3"/>
      <c r="AF1529" s="3"/>
      <c r="AG1529" s="3"/>
      <c r="AH1529" s="3"/>
      <c r="AI1529" s="3"/>
      <c r="AJ1529" s="3"/>
      <c r="AK1529" s="3"/>
      <c r="AL1529" s="3"/>
      <c r="AM1529" s="3"/>
      <c r="AN1529" s="3"/>
      <c r="AO1529" s="3"/>
      <c r="AP1529" s="3"/>
      <c r="AQ1529" s="3"/>
      <c r="AR1529" s="3"/>
      <c r="AS1529" s="3"/>
      <c r="AT1529" s="3"/>
    </row>
    <row r="1530" spans="1:46" ht="13.5" customHeight="1" x14ac:dyDescent="0.15">
      <c r="A1530" s="3">
        <v>1529</v>
      </c>
      <c r="B1530" s="30" t="s">
        <v>613</v>
      </c>
      <c r="C1530" s="27" t="s">
        <v>987</v>
      </c>
      <c r="D1530" s="28">
        <v>42420</v>
      </c>
      <c r="E1530" s="36" t="s">
        <v>180</v>
      </c>
      <c r="F1530" s="32" t="s">
        <v>1456</v>
      </c>
      <c r="G1530" s="27">
        <v>12</v>
      </c>
      <c r="H1530" s="3"/>
      <c r="I1530" s="3"/>
      <c r="J1530" s="3"/>
      <c r="K1530" s="3"/>
      <c r="L1530" s="3"/>
      <c r="M1530" s="3"/>
      <c r="N1530" s="3"/>
      <c r="O1530" s="3"/>
      <c r="P1530" s="3"/>
      <c r="Q1530" s="3"/>
      <c r="R1530" s="3"/>
      <c r="S1530" s="3"/>
      <c r="T1530" s="3"/>
      <c r="U1530" s="3"/>
      <c r="V1530" s="3"/>
      <c r="W1530" s="3"/>
      <c r="X1530" s="3"/>
      <c r="Y1530" s="3"/>
      <c r="Z1530" s="3"/>
      <c r="AA1530" s="3"/>
      <c r="AB1530" s="3"/>
      <c r="AC1530" s="3"/>
      <c r="AD1530" s="3"/>
      <c r="AE1530" s="3"/>
      <c r="AF1530" s="3"/>
      <c r="AG1530" s="3"/>
      <c r="AH1530" s="3"/>
      <c r="AI1530" s="3"/>
      <c r="AJ1530" s="3"/>
      <c r="AK1530" s="3"/>
      <c r="AL1530" s="3"/>
      <c r="AM1530" s="3"/>
      <c r="AN1530" s="3"/>
      <c r="AO1530" s="3"/>
      <c r="AP1530" s="3"/>
      <c r="AQ1530" s="3"/>
      <c r="AR1530" s="3"/>
      <c r="AS1530" s="3"/>
      <c r="AT1530" s="3"/>
    </row>
    <row r="1531" spans="1:46" ht="13.5" customHeight="1" x14ac:dyDescent="0.15">
      <c r="A1531" s="3">
        <v>1530</v>
      </c>
      <c r="B1531" s="30" t="s">
        <v>613</v>
      </c>
      <c r="C1531" s="27" t="s">
        <v>1519</v>
      </c>
      <c r="D1531" s="31">
        <v>145010</v>
      </c>
      <c r="E1531" s="29" t="s">
        <v>2759</v>
      </c>
      <c r="F1531" s="40" t="s">
        <v>2749</v>
      </c>
      <c r="G1531" s="27">
        <v>2</v>
      </c>
      <c r="H1531" s="3"/>
      <c r="I1531" s="3"/>
      <c r="J1531" s="3"/>
      <c r="K1531" s="3"/>
      <c r="L1531" s="3"/>
      <c r="M1531" s="3"/>
      <c r="N1531" s="3"/>
      <c r="O1531" s="3"/>
      <c r="P1531" s="3"/>
      <c r="Q1531" s="3"/>
      <c r="R1531" s="3"/>
      <c r="S1531" s="3"/>
      <c r="T1531" s="3"/>
      <c r="U1531" s="3"/>
      <c r="V1531" s="3"/>
      <c r="W1531" s="3"/>
      <c r="X1531" s="3"/>
      <c r="Y1531" s="3"/>
      <c r="Z1531" s="3"/>
      <c r="AA1531" s="3"/>
      <c r="AB1531" s="3"/>
      <c r="AC1531" s="3"/>
      <c r="AD1531" s="3"/>
      <c r="AE1531" s="3"/>
      <c r="AF1531" s="3"/>
      <c r="AG1531" s="3"/>
      <c r="AH1531" s="3"/>
      <c r="AI1531" s="3"/>
      <c r="AJ1531" s="3"/>
      <c r="AK1531" s="3"/>
      <c r="AL1531" s="3"/>
      <c r="AM1531" s="3"/>
      <c r="AN1531" s="3"/>
      <c r="AO1531" s="3"/>
      <c r="AP1531" s="3"/>
      <c r="AQ1531" s="3"/>
      <c r="AR1531" s="3"/>
      <c r="AS1531" s="3"/>
      <c r="AT1531" s="3"/>
    </row>
    <row r="1532" spans="1:46" ht="13.5" customHeight="1" x14ac:dyDescent="0.15">
      <c r="A1532" s="3">
        <v>1531</v>
      </c>
      <c r="B1532" s="30" t="s">
        <v>613</v>
      </c>
      <c r="C1532" s="27" t="s">
        <v>1519</v>
      </c>
      <c r="D1532" s="28">
        <v>145630</v>
      </c>
      <c r="E1532" s="40" t="s">
        <v>2891</v>
      </c>
      <c r="F1532" s="29" t="s">
        <v>2903</v>
      </c>
      <c r="G1532" s="27">
        <v>3</v>
      </c>
      <c r="H1532" s="3"/>
      <c r="I1532" s="3"/>
      <c r="J1532" s="3"/>
      <c r="K1532" s="3"/>
      <c r="L1532" s="3"/>
      <c r="M1532" s="3"/>
      <c r="N1532" s="3"/>
      <c r="O1532" s="3"/>
      <c r="P1532" s="3"/>
      <c r="Q1532" s="3"/>
      <c r="R1532" s="3"/>
      <c r="S1532" s="3"/>
      <c r="T1532" s="3"/>
      <c r="U1532" s="3"/>
      <c r="V1532" s="3"/>
      <c r="W1532" s="3"/>
      <c r="X1532" s="3"/>
      <c r="Y1532" s="3"/>
      <c r="Z1532" s="3"/>
      <c r="AA1532" s="3"/>
      <c r="AB1532" s="3"/>
      <c r="AC1532" s="3"/>
      <c r="AD1532" s="3"/>
      <c r="AE1532" s="3"/>
      <c r="AF1532" s="3"/>
      <c r="AG1532" s="3"/>
      <c r="AH1532" s="3"/>
      <c r="AI1532" s="3"/>
      <c r="AJ1532" s="3"/>
      <c r="AK1532" s="3"/>
      <c r="AL1532" s="3"/>
      <c r="AM1532" s="3"/>
      <c r="AN1532" s="3"/>
      <c r="AO1532" s="3"/>
      <c r="AP1532" s="3"/>
      <c r="AQ1532" s="3"/>
      <c r="AR1532" s="3"/>
      <c r="AS1532" s="3"/>
      <c r="AT1532" s="3"/>
    </row>
    <row r="1533" spans="1:46" ht="13.5" customHeight="1" x14ac:dyDescent="0.15">
      <c r="A1533" s="3">
        <v>1532</v>
      </c>
      <c r="B1533" s="30" t="s">
        <v>613</v>
      </c>
      <c r="C1533" s="27" t="s">
        <v>1519</v>
      </c>
      <c r="D1533" s="28">
        <v>145780</v>
      </c>
      <c r="E1533" s="40" t="s">
        <v>2927</v>
      </c>
      <c r="F1533" s="32" t="s">
        <v>2926</v>
      </c>
      <c r="G1533" s="27">
        <v>6</v>
      </c>
    </row>
    <row r="1534" spans="1:46" ht="13.5" customHeight="1" x14ac:dyDescent="0.15">
      <c r="A1534" s="3">
        <v>1533</v>
      </c>
      <c r="B1534" s="30" t="s">
        <v>613</v>
      </c>
      <c r="C1534" s="39" t="s">
        <v>3158</v>
      </c>
      <c r="D1534" s="33">
        <v>146610</v>
      </c>
      <c r="E1534" s="40" t="s">
        <v>3159</v>
      </c>
      <c r="F1534" s="29" t="s">
        <v>3184</v>
      </c>
      <c r="G1534" s="27">
        <v>7</v>
      </c>
      <c r="H1534" s="3"/>
      <c r="I1534" s="3"/>
      <c r="J1534" s="3"/>
      <c r="K1534" s="3"/>
      <c r="L1534" s="3"/>
      <c r="M1534" s="3"/>
      <c r="N1534" s="3"/>
      <c r="O1534" s="3"/>
      <c r="P1534" s="3"/>
      <c r="Q1534" s="3"/>
      <c r="R1534" s="3"/>
      <c r="S1534" s="3"/>
      <c r="T1534" s="3"/>
      <c r="U1534" s="3"/>
      <c r="V1534" s="3"/>
      <c r="W1534" s="3"/>
      <c r="X1534" s="3"/>
      <c r="Y1534" s="3"/>
      <c r="Z1534" s="3"/>
      <c r="AA1534" s="3"/>
      <c r="AB1534" s="3"/>
      <c r="AC1534" s="3"/>
      <c r="AD1534" s="3"/>
      <c r="AE1534" s="3"/>
      <c r="AF1534" s="3"/>
      <c r="AG1534" s="3"/>
      <c r="AH1534" s="3"/>
      <c r="AI1534" s="3"/>
      <c r="AJ1534" s="3"/>
      <c r="AK1534" s="3"/>
      <c r="AL1534" s="3"/>
      <c r="AM1534" s="3"/>
      <c r="AN1534" s="3"/>
      <c r="AO1534" s="3"/>
      <c r="AP1534" s="3"/>
      <c r="AQ1534" s="3"/>
      <c r="AR1534" s="3"/>
      <c r="AS1534" s="3"/>
      <c r="AT1534" s="3"/>
    </row>
    <row r="1535" spans="1:46" ht="13.5" customHeight="1" x14ac:dyDescent="0.15">
      <c r="A1535" s="3">
        <v>1534</v>
      </c>
      <c r="B1535" s="30" t="s">
        <v>613</v>
      </c>
      <c r="C1535" s="27" t="s">
        <v>3431</v>
      </c>
      <c r="D1535" s="28">
        <v>146980</v>
      </c>
      <c r="E1535" s="29" t="s">
        <v>3331</v>
      </c>
      <c r="F1535" s="53" t="s">
        <v>3332</v>
      </c>
      <c r="G1535" s="27">
        <v>1</v>
      </c>
    </row>
    <row r="1536" spans="1:46" ht="13.5" customHeight="1" x14ac:dyDescent="0.15">
      <c r="A1536" s="3">
        <v>1535</v>
      </c>
      <c r="B1536" s="30" t="s">
        <v>613</v>
      </c>
      <c r="C1536" s="27" t="s">
        <v>3271</v>
      </c>
      <c r="D1536" s="28">
        <v>146990</v>
      </c>
      <c r="E1536" s="29" t="s">
        <v>3333</v>
      </c>
      <c r="F1536" s="53" t="s">
        <v>3334</v>
      </c>
      <c r="G1536" s="27">
        <v>12</v>
      </c>
      <c r="H1536" s="8"/>
      <c r="I1536" s="8"/>
      <c r="J1536" s="8"/>
      <c r="K1536" s="8"/>
      <c r="L1536" s="8"/>
      <c r="M1536" s="8"/>
      <c r="N1536" s="8"/>
      <c r="O1536" s="8"/>
      <c r="P1536" s="8"/>
      <c r="Q1536" s="8"/>
      <c r="R1536" s="8"/>
      <c r="S1536" s="8"/>
      <c r="T1536" s="8"/>
      <c r="U1536" s="8"/>
      <c r="V1536" s="8" t="s">
        <v>2086</v>
      </c>
      <c r="W1536" s="8" t="s">
        <v>2086</v>
      </c>
      <c r="X1536" s="8" t="s">
        <v>2086</v>
      </c>
      <c r="Y1536" s="8" t="s">
        <v>2086</v>
      </c>
      <c r="Z1536" s="8"/>
      <c r="AA1536" s="8" t="s">
        <v>2086</v>
      </c>
      <c r="AB1536" s="8" t="s">
        <v>2086</v>
      </c>
      <c r="AC1536" s="8" t="s">
        <v>2086</v>
      </c>
      <c r="AD1536" s="8" t="s">
        <v>2086</v>
      </c>
      <c r="AE1536" s="8" t="s">
        <v>2086</v>
      </c>
      <c r="AF1536" s="8" t="s">
        <v>2086</v>
      </c>
      <c r="AG1536" s="8" t="s">
        <v>2086</v>
      </c>
      <c r="AH1536" s="8" t="s">
        <v>2086</v>
      </c>
      <c r="AI1536" s="8" t="s">
        <v>2086</v>
      </c>
      <c r="AJ1536" s="8" t="s">
        <v>2086</v>
      </c>
      <c r="AK1536" s="8" t="s">
        <v>39</v>
      </c>
      <c r="AL1536" s="8" t="s">
        <v>39</v>
      </c>
      <c r="AM1536" s="8" t="s">
        <v>39</v>
      </c>
      <c r="AN1536" s="8" t="s">
        <v>39</v>
      </c>
      <c r="AO1536" s="8"/>
      <c r="AP1536" s="7" t="s">
        <v>1086</v>
      </c>
      <c r="AQ1536" s="3"/>
      <c r="AR1536" s="3"/>
      <c r="AS1536" s="3"/>
      <c r="AT1536" s="3"/>
    </row>
    <row r="1537" spans="1:46" ht="13.5" customHeight="1" x14ac:dyDescent="0.15">
      <c r="A1537" s="3">
        <v>1536</v>
      </c>
      <c r="B1537" s="26" t="s">
        <v>1051</v>
      </c>
      <c r="C1537" s="27" t="s">
        <v>985</v>
      </c>
      <c r="D1537" s="28">
        <v>661</v>
      </c>
      <c r="E1537" s="29" t="s">
        <v>2425</v>
      </c>
      <c r="F1537" s="29" t="s">
        <v>262</v>
      </c>
      <c r="G1537" s="27">
        <v>3</v>
      </c>
    </row>
    <row r="1538" spans="1:46" ht="13.5" customHeight="1" x14ac:dyDescent="0.15">
      <c r="A1538" s="3">
        <v>1537</v>
      </c>
      <c r="B1538" s="26" t="s">
        <v>1051</v>
      </c>
      <c r="C1538" s="27" t="s">
        <v>985</v>
      </c>
      <c r="D1538" s="28">
        <v>791</v>
      </c>
      <c r="E1538" s="29" t="s">
        <v>1897</v>
      </c>
      <c r="F1538" s="29" t="s">
        <v>118</v>
      </c>
      <c r="G1538" s="27">
        <v>6</v>
      </c>
    </row>
    <row r="1539" spans="1:46" ht="13.5" customHeight="1" x14ac:dyDescent="0.15">
      <c r="A1539" s="3">
        <v>1538</v>
      </c>
      <c r="B1539" s="26" t="s">
        <v>1051</v>
      </c>
      <c r="C1539" s="27" t="s">
        <v>985</v>
      </c>
      <c r="D1539" s="28">
        <v>801</v>
      </c>
      <c r="E1539" s="29" t="s">
        <v>1220</v>
      </c>
      <c r="F1539" s="29" t="s">
        <v>3594</v>
      </c>
      <c r="G1539" s="27">
        <v>3</v>
      </c>
    </row>
    <row r="1540" spans="1:46" ht="13.5" customHeight="1" x14ac:dyDescent="0.15">
      <c r="A1540" s="3">
        <v>1539</v>
      </c>
      <c r="B1540" s="26" t="s">
        <v>3364</v>
      </c>
      <c r="C1540" s="27" t="s">
        <v>985</v>
      </c>
      <c r="D1540" s="28">
        <v>811</v>
      </c>
      <c r="E1540" s="29" t="s">
        <v>3502</v>
      </c>
      <c r="F1540" s="29" t="s">
        <v>3503</v>
      </c>
      <c r="G1540" s="27">
        <v>3</v>
      </c>
    </row>
    <row r="1541" spans="1:46" ht="13.5" customHeight="1" x14ac:dyDescent="0.15">
      <c r="A1541" s="3">
        <v>1540</v>
      </c>
      <c r="B1541" s="26" t="s">
        <v>1051</v>
      </c>
      <c r="C1541" s="27" t="s">
        <v>985</v>
      </c>
      <c r="D1541" s="28">
        <v>821</v>
      </c>
      <c r="E1541" s="29" t="s">
        <v>122</v>
      </c>
      <c r="F1541" s="29" t="s">
        <v>206</v>
      </c>
      <c r="G1541" s="27">
        <v>3</v>
      </c>
    </row>
    <row r="1542" spans="1:46" ht="13.5" customHeight="1" x14ac:dyDescent="0.15">
      <c r="A1542" s="3">
        <v>1541</v>
      </c>
      <c r="B1542" s="26" t="s">
        <v>1051</v>
      </c>
      <c r="C1542" s="27" t="s">
        <v>985</v>
      </c>
      <c r="D1542" s="28">
        <v>831</v>
      </c>
      <c r="E1542" s="29" t="s">
        <v>3595</v>
      </c>
      <c r="F1542" s="29" t="s">
        <v>3596</v>
      </c>
      <c r="G1542" s="27">
        <v>3</v>
      </c>
    </row>
    <row r="1543" spans="1:46" ht="13.5" customHeight="1" x14ac:dyDescent="0.15">
      <c r="A1543" s="3">
        <v>1542</v>
      </c>
      <c r="B1543" s="26" t="s">
        <v>1051</v>
      </c>
      <c r="C1543" s="27" t="s">
        <v>985</v>
      </c>
      <c r="D1543" s="28">
        <v>841</v>
      </c>
      <c r="E1543" s="29" t="s">
        <v>1663</v>
      </c>
      <c r="F1543" s="29" t="s">
        <v>119</v>
      </c>
      <c r="G1543" s="27">
        <v>3</v>
      </c>
    </row>
    <row r="1544" spans="1:46" ht="13.5" customHeight="1" x14ac:dyDescent="0.15">
      <c r="A1544" s="3">
        <v>1543</v>
      </c>
      <c r="B1544" s="26" t="s">
        <v>1051</v>
      </c>
      <c r="C1544" s="27" t="s">
        <v>985</v>
      </c>
      <c r="D1544" s="28">
        <v>911</v>
      </c>
      <c r="E1544" s="29" t="s">
        <v>2931</v>
      </c>
      <c r="F1544" s="29" t="s">
        <v>1888</v>
      </c>
      <c r="G1544" s="27">
        <v>12</v>
      </c>
    </row>
    <row r="1545" spans="1:46" ht="13.5" customHeight="1" x14ac:dyDescent="0.15">
      <c r="A1545" s="3">
        <v>1544</v>
      </c>
      <c r="B1545" s="30" t="s">
        <v>613</v>
      </c>
      <c r="C1545" s="27" t="s">
        <v>985</v>
      </c>
      <c r="D1545" s="31">
        <v>4030</v>
      </c>
      <c r="E1545" s="32" t="s">
        <v>958</v>
      </c>
      <c r="F1545" s="32" t="s">
        <v>1835</v>
      </c>
      <c r="G1545" s="27">
        <v>12</v>
      </c>
      <c r="H1545" s="3"/>
      <c r="I1545" s="3"/>
      <c r="J1545" s="3"/>
      <c r="K1545" s="3"/>
      <c r="L1545" s="3"/>
      <c r="M1545" s="3"/>
      <c r="N1545" s="3"/>
      <c r="O1545" s="3"/>
      <c r="P1545" s="3"/>
      <c r="Q1545" s="3"/>
      <c r="R1545" s="3"/>
      <c r="S1545" s="3"/>
      <c r="T1545" s="3"/>
      <c r="U1545" s="3"/>
      <c r="V1545" s="3"/>
      <c r="W1545" s="3"/>
      <c r="X1545" s="3"/>
      <c r="Y1545" s="3"/>
      <c r="Z1545" s="3"/>
      <c r="AA1545" s="3"/>
      <c r="AB1545" s="3"/>
      <c r="AC1545" s="3"/>
      <c r="AD1545" s="3"/>
      <c r="AE1545" s="3"/>
      <c r="AF1545" s="3"/>
      <c r="AG1545" s="3"/>
      <c r="AH1545" s="3"/>
      <c r="AI1545" s="3"/>
      <c r="AJ1545" s="3"/>
      <c r="AK1545" s="3"/>
      <c r="AL1545" s="3"/>
      <c r="AM1545" s="3"/>
      <c r="AN1545" s="3"/>
      <c r="AO1545" s="3"/>
      <c r="AP1545" s="3"/>
      <c r="AQ1545" s="3"/>
      <c r="AR1545" s="3"/>
      <c r="AS1545" s="3"/>
      <c r="AT1545" s="3"/>
    </row>
    <row r="1546" spans="1:46" ht="13.5" customHeight="1" x14ac:dyDescent="0.15">
      <c r="A1546" s="3">
        <v>1545</v>
      </c>
      <c r="B1546" s="30" t="s">
        <v>613</v>
      </c>
      <c r="C1546" s="27" t="s">
        <v>985</v>
      </c>
      <c r="D1546" s="31">
        <v>4890</v>
      </c>
      <c r="E1546" s="32" t="s">
        <v>1536</v>
      </c>
      <c r="F1546" s="32" t="s">
        <v>113</v>
      </c>
      <c r="G1546" s="27">
        <v>4</v>
      </c>
      <c r="H1546" s="3"/>
      <c r="I1546" s="3"/>
      <c r="J1546" s="3"/>
      <c r="K1546" s="3"/>
      <c r="L1546" s="3"/>
      <c r="M1546" s="3"/>
      <c r="N1546" s="3"/>
      <c r="O1546" s="3"/>
      <c r="P1546" s="3"/>
      <c r="Q1546" s="3"/>
      <c r="R1546" s="3"/>
      <c r="S1546" s="3"/>
      <c r="T1546" s="3"/>
      <c r="U1546" s="3"/>
      <c r="V1546" s="3"/>
      <c r="W1546" s="3"/>
      <c r="X1546" s="3"/>
      <c r="Y1546" s="3"/>
      <c r="Z1546" s="3"/>
      <c r="AA1546" s="3"/>
      <c r="AB1546" s="3"/>
      <c r="AC1546" s="3"/>
      <c r="AD1546" s="3"/>
      <c r="AE1546" s="3"/>
      <c r="AF1546" s="3"/>
      <c r="AG1546" s="3"/>
      <c r="AH1546" s="3"/>
      <c r="AI1546" s="3"/>
      <c r="AJ1546" s="3"/>
      <c r="AK1546" s="3"/>
      <c r="AL1546" s="3"/>
      <c r="AM1546" s="3"/>
      <c r="AN1546" s="3"/>
      <c r="AO1546" s="3"/>
      <c r="AP1546" s="3"/>
      <c r="AQ1546" s="3"/>
      <c r="AR1546" s="3"/>
      <c r="AS1546" s="3"/>
      <c r="AT1546" s="3"/>
    </row>
    <row r="1547" spans="1:46" ht="13.5" customHeight="1" x14ac:dyDescent="0.15">
      <c r="A1547" s="3">
        <v>1546</v>
      </c>
      <c r="B1547" s="30" t="s">
        <v>613</v>
      </c>
      <c r="C1547" s="27" t="s">
        <v>985</v>
      </c>
      <c r="D1547" s="31">
        <v>5330</v>
      </c>
      <c r="E1547" s="32" t="s">
        <v>2072</v>
      </c>
      <c r="F1547" s="32" t="s">
        <v>1512</v>
      </c>
      <c r="G1547" s="27">
        <v>6</v>
      </c>
      <c r="H1547" s="3"/>
      <c r="I1547" s="3"/>
      <c r="J1547" s="3"/>
      <c r="K1547" s="3"/>
      <c r="L1547" s="3"/>
      <c r="M1547" s="3"/>
      <c r="N1547" s="3"/>
      <c r="O1547" s="3"/>
      <c r="P1547" s="3"/>
      <c r="Q1547" s="3"/>
      <c r="R1547" s="3"/>
      <c r="S1547" s="3"/>
      <c r="T1547" s="3"/>
      <c r="U1547" s="3"/>
      <c r="V1547" s="3"/>
      <c r="W1547" s="3"/>
      <c r="X1547" s="3"/>
      <c r="Y1547" s="3"/>
      <c r="Z1547" s="3"/>
      <c r="AA1547" s="3"/>
      <c r="AB1547" s="3"/>
      <c r="AC1547" s="3"/>
      <c r="AD1547" s="3"/>
      <c r="AE1547" s="3"/>
      <c r="AF1547" s="3"/>
      <c r="AG1547" s="3"/>
      <c r="AH1547" s="3"/>
      <c r="AI1547" s="3"/>
      <c r="AJ1547" s="3"/>
      <c r="AK1547" s="3"/>
      <c r="AL1547" s="3"/>
      <c r="AM1547" s="3"/>
      <c r="AN1547" s="3"/>
      <c r="AO1547" s="3"/>
      <c r="AP1547" s="3"/>
      <c r="AQ1547" s="3"/>
      <c r="AR1547" s="3"/>
      <c r="AS1547" s="3"/>
      <c r="AT1547" s="3"/>
    </row>
    <row r="1548" spans="1:46" ht="13.5" customHeight="1" x14ac:dyDescent="0.15">
      <c r="A1548" s="3">
        <v>1547</v>
      </c>
      <c r="B1548" s="30" t="s">
        <v>613</v>
      </c>
      <c r="C1548" s="27" t="s">
        <v>985</v>
      </c>
      <c r="D1548" s="31">
        <v>5500</v>
      </c>
      <c r="E1548" s="32" t="s">
        <v>1424</v>
      </c>
      <c r="F1548" s="32" t="s">
        <v>114</v>
      </c>
      <c r="G1548" s="27">
        <v>10</v>
      </c>
      <c r="H1548" s="3"/>
      <c r="I1548" s="3"/>
      <c r="J1548" s="3"/>
      <c r="K1548" s="3"/>
      <c r="L1548" s="3"/>
      <c r="M1548" s="3"/>
      <c r="N1548" s="3"/>
      <c r="O1548" s="3"/>
      <c r="P1548" s="3"/>
      <c r="Q1548" s="3"/>
      <c r="R1548" s="3"/>
      <c r="S1548" s="3"/>
      <c r="T1548" s="3"/>
      <c r="U1548" s="3"/>
      <c r="V1548" s="3"/>
      <c r="W1548" s="3"/>
      <c r="X1548" s="3"/>
      <c r="Y1548" s="3"/>
      <c r="Z1548" s="3"/>
      <c r="AA1548" s="3"/>
      <c r="AB1548" s="3"/>
      <c r="AC1548" s="3"/>
      <c r="AD1548" s="3"/>
      <c r="AE1548" s="3"/>
      <c r="AF1548" s="3"/>
      <c r="AG1548" s="3"/>
      <c r="AH1548" s="3"/>
      <c r="AI1548" s="3"/>
      <c r="AJ1548" s="3"/>
      <c r="AK1548" s="3"/>
      <c r="AL1548" s="3"/>
      <c r="AM1548" s="3"/>
      <c r="AN1548" s="3"/>
      <c r="AO1548" s="3"/>
      <c r="AP1548" s="3"/>
      <c r="AQ1548" s="3"/>
      <c r="AR1548" s="3"/>
      <c r="AS1548" s="3"/>
      <c r="AT1548" s="3"/>
    </row>
    <row r="1549" spans="1:46" s="3" customFormat="1" ht="13.5" customHeight="1" x14ac:dyDescent="0.15">
      <c r="A1549" s="3">
        <v>1548</v>
      </c>
      <c r="B1549" s="30" t="s">
        <v>613</v>
      </c>
      <c r="C1549" s="27" t="s">
        <v>985</v>
      </c>
      <c r="D1549" s="31">
        <v>7230</v>
      </c>
      <c r="E1549" s="32" t="s">
        <v>841</v>
      </c>
      <c r="F1549" s="32" t="s">
        <v>1069</v>
      </c>
      <c r="G1549" s="27">
        <v>6</v>
      </c>
      <c r="H1549" s="21"/>
      <c r="I1549" s="11"/>
      <c r="J1549" s="11"/>
      <c r="K1549" s="11"/>
      <c r="L1549" s="12"/>
      <c r="M1549" s="12"/>
      <c r="N1549" s="12"/>
      <c r="O1549" s="12"/>
      <c r="P1549" s="11"/>
      <c r="Q1549" s="11"/>
      <c r="R1549" s="11"/>
      <c r="S1549" s="11"/>
      <c r="T1549" s="11"/>
      <c r="U1549" s="11"/>
      <c r="V1549" s="11"/>
      <c r="W1549" s="11"/>
      <c r="X1549" s="11"/>
      <c r="Y1549" s="11"/>
      <c r="Z1549" s="11"/>
      <c r="AA1549" s="12"/>
      <c r="AB1549" s="12"/>
      <c r="AC1549" s="12"/>
      <c r="AD1549" s="12"/>
      <c r="AE1549" s="12"/>
      <c r="AF1549" s="11"/>
      <c r="AG1549" s="11"/>
      <c r="AH1549" s="11"/>
      <c r="AI1549" s="11"/>
      <c r="AJ1549" s="11"/>
      <c r="AK1549" s="11"/>
      <c r="AL1549" s="11"/>
      <c r="AM1549" s="11"/>
      <c r="AN1549" s="11"/>
      <c r="AO1549" s="11"/>
      <c r="AP1549" s="13"/>
    </row>
    <row r="1550" spans="1:46" s="6" customFormat="1" ht="13.5" customHeight="1" x14ac:dyDescent="0.15">
      <c r="A1550" s="3">
        <v>1549</v>
      </c>
      <c r="B1550" s="30" t="s">
        <v>613</v>
      </c>
      <c r="C1550" s="27" t="s">
        <v>985</v>
      </c>
      <c r="D1550" s="31">
        <v>7390</v>
      </c>
      <c r="E1550" s="32" t="s">
        <v>115</v>
      </c>
      <c r="F1550" s="32" t="s">
        <v>2571</v>
      </c>
      <c r="G1550" s="27">
        <v>9</v>
      </c>
      <c r="H1550" s="15"/>
      <c r="I1550" s="14"/>
      <c r="J1550" s="14"/>
      <c r="K1550" s="14"/>
      <c r="L1550" s="14"/>
      <c r="M1550" s="14"/>
      <c r="N1550" s="14"/>
      <c r="O1550" s="14"/>
      <c r="P1550" s="14"/>
      <c r="Q1550" s="14"/>
      <c r="R1550" s="14"/>
      <c r="S1550" s="14"/>
      <c r="T1550" s="14"/>
      <c r="U1550" s="14"/>
      <c r="V1550" s="14"/>
      <c r="W1550" s="14"/>
      <c r="X1550" s="14"/>
      <c r="Y1550" s="14"/>
      <c r="Z1550" s="14"/>
      <c r="AA1550" s="14"/>
      <c r="AB1550" s="14"/>
      <c r="AC1550" s="14"/>
      <c r="AD1550" s="14"/>
      <c r="AE1550" s="14"/>
      <c r="AF1550" s="14"/>
      <c r="AG1550" s="14"/>
      <c r="AH1550" s="14"/>
      <c r="AI1550" s="14"/>
      <c r="AJ1550" s="14"/>
      <c r="AK1550" s="14"/>
      <c r="AL1550" s="14"/>
      <c r="AM1550" s="14"/>
      <c r="AN1550" s="14"/>
      <c r="AO1550" s="14"/>
      <c r="AP1550" s="14"/>
      <c r="AQ1550" s="14"/>
      <c r="AR1550" s="14"/>
      <c r="AS1550" s="14"/>
      <c r="AT1550" s="14"/>
    </row>
    <row r="1551" spans="1:46" s="6" customFormat="1" ht="13.5" customHeight="1" x14ac:dyDescent="0.15">
      <c r="A1551" s="3">
        <v>1550</v>
      </c>
      <c r="B1551" s="30" t="s">
        <v>613</v>
      </c>
      <c r="C1551" s="27" t="s">
        <v>985</v>
      </c>
      <c r="D1551" s="31">
        <v>7640</v>
      </c>
      <c r="E1551" s="32" t="s">
        <v>427</v>
      </c>
      <c r="F1551" s="32" t="s">
        <v>1447</v>
      </c>
      <c r="G1551" s="27">
        <v>5</v>
      </c>
      <c r="H1551" s="15"/>
      <c r="I1551" s="14"/>
      <c r="J1551" s="14"/>
      <c r="K1551" s="14"/>
      <c r="L1551" s="14"/>
      <c r="M1551" s="14"/>
      <c r="N1551" s="14"/>
      <c r="O1551" s="14"/>
      <c r="P1551" s="14"/>
      <c r="Q1551" s="14"/>
      <c r="R1551" s="14"/>
      <c r="S1551" s="14"/>
      <c r="T1551" s="14"/>
      <c r="U1551" s="14"/>
      <c r="V1551" s="14"/>
      <c r="W1551" s="14"/>
      <c r="X1551" s="14"/>
      <c r="Y1551" s="14"/>
      <c r="Z1551" s="14"/>
      <c r="AA1551" s="14"/>
      <c r="AB1551" s="14"/>
      <c r="AC1551" s="14"/>
      <c r="AD1551" s="14"/>
      <c r="AE1551" s="14"/>
      <c r="AF1551" s="14"/>
      <c r="AG1551" s="14"/>
      <c r="AH1551" s="14"/>
      <c r="AI1551" s="14"/>
      <c r="AJ1551" s="14"/>
      <c r="AK1551" s="14"/>
      <c r="AL1551" s="14"/>
      <c r="AM1551" s="14"/>
      <c r="AN1551" s="14"/>
      <c r="AO1551" s="14"/>
      <c r="AP1551" s="14"/>
      <c r="AQ1551" s="14"/>
      <c r="AR1551" s="14"/>
      <c r="AS1551" s="14"/>
      <c r="AT1551" s="14"/>
    </row>
    <row r="1552" spans="1:46" ht="13.5" customHeight="1" x14ac:dyDescent="0.15">
      <c r="A1552" s="3">
        <v>1551</v>
      </c>
      <c r="B1552" s="30" t="s">
        <v>613</v>
      </c>
      <c r="C1552" s="27" t="s">
        <v>985</v>
      </c>
      <c r="D1552" s="31">
        <v>7980</v>
      </c>
      <c r="E1552" s="32" t="s">
        <v>669</v>
      </c>
      <c r="F1552" s="32" t="s">
        <v>105</v>
      </c>
      <c r="G1552" s="27">
        <v>5</v>
      </c>
      <c r="H1552" s="5"/>
      <c r="I1552" s="5"/>
      <c r="J1552" s="5"/>
      <c r="K1552" s="5"/>
      <c r="L1552" s="5"/>
      <c r="M1552" s="5"/>
      <c r="N1552" s="5"/>
      <c r="O1552" s="5"/>
      <c r="P1552" s="5"/>
      <c r="Q1552" s="5"/>
      <c r="R1552" s="5"/>
      <c r="S1552" s="5"/>
      <c r="T1552" s="5"/>
      <c r="U1552" s="5"/>
      <c r="V1552" s="5"/>
      <c r="W1552" s="5"/>
      <c r="X1552" s="5"/>
      <c r="Y1552" s="5"/>
      <c r="Z1552" s="5"/>
      <c r="AA1552" s="5"/>
      <c r="AB1552" s="5"/>
      <c r="AC1552" s="5"/>
      <c r="AD1552" s="5"/>
      <c r="AE1552" s="5"/>
      <c r="AF1552" s="5"/>
      <c r="AG1552" s="5"/>
      <c r="AH1552" s="5"/>
      <c r="AI1552" s="5"/>
      <c r="AJ1552" s="5"/>
      <c r="AK1552" s="5"/>
      <c r="AL1552" s="5"/>
      <c r="AM1552" s="5"/>
      <c r="AN1552" s="5"/>
      <c r="AO1552" s="5"/>
      <c r="AP1552" s="5"/>
      <c r="AQ1552" s="5"/>
      <c r="AR1552" s="5"/>
      <c r="AS1552" s="5"/>
      <c r="AT1552" s="5"/>
    </row>
    <row r="1553" spans="1:46" ht="13.5" customHeight="1" x14ac:dyDescent="0.15">
      <c r="A1553" s="3">
        <v>1552</v>
      </c>
      <c r="B1553" s="30" t="s">
        <v>613</v>
      </c>
      <c r="C1553" s="27" t="s">
        <v>985</v>
      </c>
      <c r="D1553" s="31">
        <v>8130</v>
      </c>
      <c r="E1553" s="32" t="s">
        <v>1574</v>
      </c>
      <c r="F1553" s="32" t="s">
        <v>1839</v>
      </c>
      <c r="G1553" s="27">
        <v>10</v>
      </c>
      <c r="H1553" s="3"/>
      <c r="I1553" s="3"/>
      <c r="J1553" s="3"/>
      <c r="K1553" s="3"/>
      <c r="L1553" s="3"/>
      <c r="M1553" s="3"/>
      <c r="N1553" s="3"/>
      <c r="O1553" s="3"/>
      <c r="P1553" s="3"/>
      <c r="Q1553" s="3"/>
      <c r="R1553" s="3"/>
      <c r="S1553" s="3"/>
      <c r="T1553" s="3"/>
      <c r="U1553" s="3"/>
      <c r="V1553" s="3"/>
      <c r="W1553" s="3"/>
      <c r="X1553" s="3"/>
      <c r="Y1553" s="3"/>
      <c r="Z1553" s="3"/>
      <c r="AA1553" s="3"/>
      <c r="AB1553" s="3"/>
      <c r="AC1553" s="3"/>
      <c r="AD1553" s="3"/>
      <c r="AE1553" s="3"/>
      <c r="AF1553" s="3"/>
      <c r="AG1553" s="3"/>
      <c r="AH1553" s="3"/>
      <c r="AI1553" s="3"/>
      <c r="AJ1553" s="3"/>
      <c r="AK1553" s="3"/>
      <c r="AL1553" s="3"/>
      <c r="AM1553" s="3"/>
      <c r="AN1553" s="3"/>
      <c r="AO1553" s="3"/>
      <c r="AP1553" s="3"/>
      <c r="AQ1553" s="3"/>
      <c r="AR1553" s="3"/>
      <c r="AS1553" s="3"/>
      <c r="AT1553" s="3"/>
    </row>
    <row r="1554" spans="1:46" ht="13.5" customHeight="1" x14ac:dyDescent="0.15">
      <c r="A1554" s="3">
        <v>1553</v>
      </c>
      <c r="B1554" s="30" t="s">
        <v>613</v>
      </c>
      <c r="C1554" s="27" t="s">
        <v>985</v>
      </c>
      <c r="D1554" s="31">
        <v>8430</v>
      </c>
      <c r="E1554" s="32" t="s">
        <v>3134</v>
      </c>
      <c r="F1554" s="32" t="s">
        <v>1363</v>
      </c>
      <c r="G1554" s="27">
        <v>12</v>
      </c>
      <c r="H1554" s="3"/>
      <c r="I1554" s="3"/>
      <c r="J1554" s="3"/>
      <c r="K1554" s="3"/>
      <c r="L1554" s="3"/>
      <c r="M1554" s="3"/>
      <c r="N1554" s="3"/>
      <c r="O1554" s="3"/>
      <c r="P1554" s="3"/>
      <c r="Q1554" s="3"/>
      <c r="R1554" s="3"/>
      <c r="S1554" s="3"/>
      <c r="T1554" s="3"/>
      <c r="U1554" s="3"/>
      <c r="V1554" s="3"/>
      <c r="W1554" s="3"/>
      <c r="X1554" s="3"/>
      <c r="Y1554" s="3"/>
      <c r="Z1554" s="3"/>
      <c r="AA1554" s="3"/>
      <c r="AB1554" s="3"/>
      <c r="AC1554" s="3"/>
      <c r="AD1554" s="3"/>
      <c r="AE1554" s="3"/>
      <c r="AF1554" s="3"/>
      <c r="AG1554" s="3"/>
      <c r="AH1554" s="3"/>
      <c r="AI1554" s="3"/>
      <c r="AJ1554" s="3"/>
      <c r="AK1554" s="3"/>
      <c r="AL1554" s="3"/>
      <c r="AM1554" s="3"/>
      <c r="AN1554" s="3"/>
      <c r="AO1554" s="3"/>
      <c r="AP1554" s="3"/>
      <c r="AQ1554" s="3"/>
      <c r="AR1554" s="3"/>
      <c r="AS1554" s="3"/>
      <c r="AT1554" s="3"/>
    </row>
    <row r="1555" spans="1:46" ht="13.5" customHeight="1" x14ac:dyDescent="0.15">
      <c r="A1555" s="3">
        <v>1554</v>
      </c>
      <c r="B1555" s="30" t="s">
        <v>613</v>
      </c>
      <c r="C1555" s="27" t="s">
        <v>985</v>
      </c>
      <c r="D1555" s="31">
        <v>9310</v>
      </c>
      <c r="E1555" s="32" t="s">
        <v>743</v>
      </c>
      <c r="F1555" s="32" t="s">
        <v>1070</v>
      </c>
      <c r="G1555" s="27">
        <v>6</v>
      </c>
      <c r="H1555" s="3"/>
      <c r="I1555" s="3"/>
      <c r="J1555" s="3"/>
      <c r="K1555" s="3"/>
      <c r="L1555" s="3"/>
      <c r="M1555" s="3"/>
      <c r="N1555" s="3"/>
      <c r="O1555" s="3"/>
      <c r="P1555" s="3"/>
      <c r="Q1555" s="3"/>
      <c r="R1555" s="3"/>
      <c r="S1555" s="3"/>
      <c r="T1555" s="3"/>
      <c r="U1555" s="3"/>
      <c r="V1555" s="3"/>
      <c r="W1555" s="3"/>
      <c r="X1555" s="3"/>
      <c r="Y1555" s="3"/>
      <c r="Z1555" s="3"/>
      <c r="AA1555" s="3"/>
      <c r="AB1555" s="3"/>
      <c r="AC1555" s="3"/>
      <c r="AD1555" s="3"/>
      <c r="AE1555" s="3"/>
      <c r="AF1555" s="3"/>
      <c r="AG1555" s="3"/>
      <c r="AH1555" s="3"/>
      <c r="AI1555" s="3"/>
      <c r="AJ1555" s="3"/>
      <c r="AK1555" s="3"/>
      <c r="AL1555" s="3"/>
      <c r="AM1555" s="3"/>
      <c r="AN1555" s="3"/>
      <c r="AO1555" s="3"/>
      <c r="AP1555" s="3"/>
      <c r="AQ1555" s="3"/>
      <c r="AR1555" s="3"/>
      <c r="AS1555" s="3"/>
      <c r="AT1555" s="3"/>
    </row>
    <row r="1556" spans="1:46" ht="13.5" customHeight="1" x14ac:dyDescent="0.15">
      <c r="A1556" s="3">
        <v>1555</v>
      </c>
      <c r="B1556" s="30" t="s">
        <v>613</v>
      </c>
      <c r="C1556" s="27" t="s">
        <v>884</v>
      </c>
      <c r="D1556" s="31">
        <v>9710</v>
      </c>
      <c r="E1556" s="32" t="s">
        <v>2461</v>
      </c>
      <c r="F1556" s="32" t="s">
        <v>2462</v>
      </c>
      <c r="G1556" s="27">
        <v>6</v>
      </c>
      <c r="H1556" s="3"/>
      <c r="I1556" s="3"/>
      <c r="J1556" s="3"/>
      <c r="K1556" s="3"/>
      <c r="L1556" s="3"/>
      <c r="M1556" s="3"/>
      <c r="N1556" s="3"/>
      <c r="O1556" s="3"/>
      <c r="P1556" s="3"/>
      <c r="Q1556" s="3"/>
      <c r="R1556" s="3"/>
      <c r="S1556" s="3"/>
      <c r="T1556" s="3"/>
      <c r="U1556" s="3"/>
      <c r="V1556" s="3"/>
      <c r="W1556" s="3"/>
      <c r="X1556" s="3"/>
      <c r="Y1556" s="3"/>
      <c r="Z1556" s="3"/>
      <c r="AA1556" s="3"/>
      <c r="AB1556" s="3"/>
      <c r="AC1556" s="3"/>
      <c r="AD1556" s="3"/>
      <c r="AE1556" s="3"/>
      <c r="AF1556" s="3"/>
      <c r="AG1556" s="3"/>
      <c r="AH1556" s="3"/>
      <c r="AI1556" s="3"/>
      <c r="AJ1556" s="3"/>
      <c r="AK1556" s="3"/>
      <c r="AL1556" s="3"/>
      <c r="AM1556" s="3"/>
      <c r="AN1556" s="3"/>
      <c r="AO1556" s="3"/>
      <c r="AP1556" s="3"/>
      <c r="AQ1556" s="3"/>
      <c r="AR1556" s="3"/>
      <c r="AS1556" s="3"/>
      <c r="AT1556" s="3"/>
    </row>
    <row r="1557" spans="1:46" ht="13.5" customHeight="1" x14ac:dyDescent="0.15">
      <c r="A1557" s="3">
        <v>1556</v>
      </c>
      <c r="B1557" s="30" t="s">
        <v>613</v>
      </c>
      <c r="C1557" s="27" t="s">
        <v>985</v>
      </c>
      <c r="D1557" s="31">
        <v>9820</v>
      </c>
      <c r="E1557" s="32" t="s">
        <v>1583</v>
      </c>
      <c r="F1557" s="32" t="s">
        <v>725</v>
      </c>
      <c r="G1557" s="27">
        <v>6</v>
      </c>
      <c r="H1557" s="3"/>
      <c r="I1557" s="3"/>
      <c r="J1557" s="3"/>
      <c r="K1557" s="3"/>
      <c r="L1557" s="3"/>
      <c r="M1557" s="3"/>
      <c r="N1557" s="3"/>
      <c r="O1557" s="3"/>
      <c r="P1557" s="3"/>
      <c r="Q1557" s="3"/>
      <c r="R1557" s="3"/>
      <c r="S1557" s="3"/>
      <c r="T1557" s="3"/>
      <c r="U1557" s="3"/>
      <c r="V1557" s="3"/>
      <c r="W1557" s="3"/>
      <c r="X1557" s="3"/>
      <c r="Y1557" s="3"/>
      <c r="Z1557" s="3"/>
      <c r="AA1557" s="3"/>
      <c r="AB1557" s="3"/>
      <c r="AC1557" s="3"/>
      <c r="AD1557" s="3"/>
      <c r="AE1557" s="3"/>
      <c r="AF1557" s="3"/>
      <c r="AG1557" s="3"/>
      <c r="AH1557" s="3"/>
      <c r="AI1557" s="3"/>
      <c r="AJ1557" s="3"/>
      <c r="AK1557" s="3"/>
      <c r="AL1557" s="3"/>
      <c r="AM1557" s="3"/>
      <c r="AN1557" s="3"/>
      <c r="AO1557" s="3"/>
      <c r="AP1557" s="3"/>
      <c r="AQ1557" s="3"/>
      <c r="AR1557" s="3"/>
      <c r="AS1557" s="3"/>
      <c r="AT1557" s="3"/>
    </row>
    <row r="1558" spans="1:46" ht="13.5" customHeight="1" x14ac:dyDescent="0.15">
      <c r="A1558" s="3">
        <v>1557</v>
      </c>
      <c r="B1558" s="30" t="s">
        <v>613</v>
      </c>
      <c r="C1558" s="27" t="s">
        <v>985</v>
      </c>
      <c r="D1558" s="31">
        <v>9960</v>
      </c>
      <c r="E1558" s="32" t="s">
        <v>2079</v>
      </c>
      <c r="F1558" s="32" t="s">
        <v>723</v>
      </c>
      <c r="G1558" s="27">
        <v>4</v>
      </c>
      <c r="H1558" s="3"/>
      <c r="I1558" s="3"/>
      <c r="J1558" s="3"/>
      <c r="K1558" s="3"/>
      <c r="L1558" s="3"/>
      <c r="M1558" s="3"/>
      <c r="N1558" s="3"/>
      <c r="O1558" s="3"/>
      <c r="P1558" s="3"/>
      <c r="Q1558" s="3"/>
      <c r="R1558" s="3"/>
      <c r="S1558" s="3"/>
      <c r="T1558" s="3"/>
      <c r="U1558" s="3"/>
      <c r="V1558" s="3"/>
      <c r="W1558" s="3"/>
      <c r="X1558" s="3"/>
      <c r="Y1558" s="3"/>
      <c r="Z1558" s="3"/>
      <c r="AA1558" s="3"/>
      <c r="AB1558" s="3"/>
      <c r="AC1558" s="3"/>
      <c r="AD1558" s="3"/>
      <c r="AE1558" s="3"/>
      <c r="AF1558" s="3"/>
      <c r="AG1558" s="3"/>
      <c r="AH1558" s="3"/>
      <c r="AI1558" s="3"/>
      <c r="AJ1558" s="3"/>
      <c r="AK1558" s="3"/>
      <c r="AL1558" s="3"/>
      <c r="AM1558" s="3"/>
      <c r="AN1558" s="3"/>
      <c r="AO1558" s="3"/>
      <c r="AP1558" s="3"/>
      <c r="AQ1558" s="3"/>
      <c r="AR1558" s="3"/>
      <c r="AS1558" s="3"/>
      <c r="AT1558" s="3"/>
    </row>
    <row r="1559" spans="1:46" ht="13.5" customHeight="1" x14ac:dyDescent="0.15">
      <c r="A1559" s="3">
        <v>1558</v>
      </c>
      <c r="B1559" s="30" t="s">
        <v>613</v>
      </c>
      <c r="C1559" s="27" t="s">
        <v>985</v>
      </c>
      <c r="D1559" s="31">
        <v>10930</v>
      </c>
      <c r="E1559" s="32" t="s">
        <v>264</v>
      </c>
      <c r="F1559" s="32" t="s">
        <v>472</v>
      </c>
      <c r="G1559" s="27">
        <v>6</v>
      </c>
      <c r="H1559" s="3"/>
      <c r="I1559" s="3"/>
      <c r="J1559" s="3"/>
      <c r="K1559" s="3"/>
      <c r="L1559" s="3"/>
      <c r="M1559" s="3"/>
      <c r="N1559" s="3"/>
      <c r="O1559" s="3"/>
      <c r="P1559" s="3"/>
      <c r="Q1559" s="3"/>
      <c r="R1559" s="3"/>
      <c r="S1559" s="3"/>
      <c r="T1559" s="3"/>
      <c r="U1559" s="3"/>
      <c r="V1559" s="3"/>
      <c r="W1559" s="3"/>
      <c r="X1559" s="3"/>
      <c r="Y1559" s="3"/>
      <c r="Z1559" s="3"/>
      <c r="AA1559" s="3"/>
      <c r="AB1559" s="3"/>
      <c r="AC1559" s="3"/>
      <c r="AD1559" s="3"/>
      <c r="AE1559" s="3"/>
      <c r="AF1559" s="3"/>
      <c r="AG1559" s="3"/>
      <c r="AH1559" s="3"/>
      <c r="AI1559" s="3"/>
      <c r="AJ1559" s="3"/>
      <c r="AK1559" s="3"/>
      <c r="AL1559" s="3"/>
      <c r="AM1559" s="3"/>
      <c r="AN1559" s="3"/>
      <c r="AO1559" s="3"/>
      <c r="AP1559" s="3"/>
      <c r="AQ1559" s="3"/>
      <c r="AR1559" s="3"/>
      <c r="AS1559" s="3"/>
      <c r="AT1559" s="3"/>
    </row>
    <row r="1560" spans="1:46" ht="13.5" customHeight="1" x14ac:dyDescent="0.15">
      <c r="A1560" s="3">
        <v>1559</v>
      </c>
      <c r="B1560" s="30" t="s">
        <v>613</v>
      </c>
      <c r="C1560" s="27" t="s">
        <v>985</v>
      </c>
      <c r="D1560" s="31">
        <v>12420</v>
      </c>
      <c r="E1560" s="32" t="s">
        <v>1319</v>
      </c>
      <c r="F1560" s="32" t="s">
        <v>2363</v>
      </c>
      <c r="G1560" s="27">
        <v>6</v>
      </c>
      <c r="H1560" s="3"/>
      <c r="I1560" s="3"/>
      <c r="J1560" s="3"/>
      <c r="K1560" s="3"/>
      <c r="L1560" s="3"/>
      <c r="M1560" s="3"/>
      <c r="N1560" s="3"/>
      <c r="O1560" s="3"/>
      <c r="P1560" s="3"/>
      <c r="Q1560" s="3"/>
      <c r="R1560" s="3"/>
      <c r="S1560" s="3"/>
      <c r="T1560" s="3"/>
      <c r="U1560" s="3"/>
      <c r="V1560" s="3"/>
      <c r="W1560" s="3"/>
      <c r="X1560" s="3"/>
      <c r="Y1560" s="3"/>
      <c r="Z1560" s="3"/>
      <c r="AA1560" s="3"/>
      <c r="AB1560" s="3"/>
      <c r="AC1560" s="3"/>
      <c r="AD1560" s="3"/>
      <c r="AE1560" s="3"/>
      <c r="AF1560" s="3"/>
      <c r="AG1560" s="3"/>
      <c r="AH1560" s="3"/>
      <c r="AI1560" s="3"/>
      <c r="AJ1560" s="3"/>
      <c r="AK1560" s="3"/>
      <c r="AL1560" s="3"/>
      <c r="AM1560" s="3"/>
      <c r="AN1560" s="3"/>
      <c r="AO1560" s="3"/>
      <c r="AP1560" s="3"/>
      <c r="AQ1560" s="3"/>
      <c r="AR1560" s="3"/>
      <c r="AS1560" s="3"/>
      <c r="AT1560" s="3"/>
    </row>
    <row r="1561" spans="1:46" ht="13.5" customHeight="1" x14ac:dyDescent="0.15">
      <c r="A1561" s="3">
        <v>1560</v>
      </c>
      <c r="B1561" s="30" t="s">
        <v>613</v>
      </c>
      <c r="C1561" s="27" t="s">
        <v>985</v>
      </c>
      <c r="D1561" s="31">
        <v>12580</v>
      </c>
      <c r="E1561" s="32" t="s">
        <v>1329</v>
      </c>
      <c r="F1561" s="32" t="s">
        <v>2291</v>
      </c>
      <c r="G1561" s="27">
        <v>6</v>
      </c>
      <c r="H1561" s="3"/>
      <c r="I1561" s="3"/>
      <c r="J1561" s="3"/>
      <c r="K1561" s="3"/>
      <c r="L1561" s="3"/>
      <c r="M1561" s="3"/>
      <c r="N1561" s="3"/>
      <c r="O1561" s="3"/>
      <c r="P1561" s="3"/>
      <c r="Q1561" s="3"/>
      <c r="R1561" s="3"/>
      <c r="S1561" s="3"/>
      <c r="T1561" s="3"/>
      <c r="U1561" s="3"/>
      <c r="V1561" s="3"/>
      <c r="W1561" s="3"/>
      <c r="X1561" s="3"/>
      <c r="Y1561" s="3"/>
      <c r="Z1561" s="3"/>
      <c r="AA1561" s="3"/>
      <c r="AB1561" s="3"/>
      <c r="AC1561" s="3"/>
      <c r="AD1561" s="3"/>
      <c r="AE1561" s="3"/>
      <c r="AF1561" s="3"/>
      <c r="AG1561" s="3"/>
      <c r="AH1561" s="3"/>
      <c r="AI1561" s="3"/>
      <c r="AJ1561" s="3"/>
      <c r="AK1561" s="3"/>
      <c r="AL1561" s="3"/>
      <c r="AM1561" s="3"/>
      <c r="AN1561" s="3"/>
      <c r="AO1561" s="3"/>
      <c r="AP1561" s="3"/>
      <c r="AQ1561" s="3"/>
      <c r="AR1561" s="3"/>
      <c r="AS1561" s="3"/>
      <c r="AT1561" s="3"/>
    </row>
    <row r="1562" spans="1:46" ht="13.5" customHeight="1" x14ac:dyDescent="0.15">
      <c r="A1562" s="3">
        <v>1561</v>
      </c>
      <c r="B1562" s="30" t="s">
        <v>613</v>
      </c>
      <c r="C1562" s="27" t="s">
        <v>985</v>
      </c>
      <c r="D1562" s="31">
        <v>14850</v>
      </c>
      <c r="E1562" s="32" t="s">
        <v>4</v>
      </c>
      <c r="F1562" s="32" t="s">
        <v>724</v>
      </c>
      <c r="G1562" s="27">
        <v>6</v>
      </c>
      <c r="H1562" s="3"/>
      <c r="I1562" s="3"/>
      <c r="J1562" s="3"/>
      <c r="K1562" s="3"/>
      <c r="L1562" s="3"/>
      <c r="M1562" s="3"/>
      <c r="N1562" s="3"/>
      <c r="O1562" s="3"/>
      <c r="P1562" s="3"/>
      <c r="Q1562" s="3"/>
      <c r="R1562" s="3"/>
      <c r="S1562" s="3"/>
      <c r="T1562" s="3"/>
      <c r="U1562" s="3"/>
      <c r="V1562" s="3"/>
      <c r="W1562" s="3"/>
      <c r="X1562" s="3"/>
      <c r="Y1562" s="3"/>
      <c r="Z1562" s="3"/>
      <c r="AA1562" s="3"/>
      <c r="AB1562" s="3"/>
      <c r="AC1562" s="3"/>
      <c r="AD1562" s="3"/>
      <c r="AE1562" s="3"/>
      <c r="AF1562" s="3"/>
      <c r="AG1562" s="3"/>
      <c r="AH1562" s="3"/>
      <c r="AI1562" s="3"/>
      <c r="AJ1562" s="3"/>
      <c r="AK1562" s="3"/>
      <c r="AL1562" s="3"/>
      <c r="AM1562" s="3"/>
      <c r="AN1562" s="3"/>
      <c r="AO1562" s="3"/>
      <c r="AP1562" s="3"/>
      <c r="AQ1562" s="3"/>
      <c r="AR1562" s="3"/>
      <c r="AS1562" s="3"/>
      <c r="AT1562" s="3"/>
    </row>
    <row r="1563" spans="1:46" ht="13.5" customHeight="1" x14ac:dyDescent="0.15">
      <c r="A1563" s="3">
        <v>1562</v>
      </c>
      <c r="B1563" s="30" t="s">
        <v>613</v>
      </c>
      <c r="C1563" s="27" t="s">
        <v>985</v>
      </c>
      <c r="D1563" s="31">
        <v>15720</v>
      </c>
      <c r="E1563" s="32" t="s">
        <v>186</v>
      </c>
      <c r="F1563" s="32" t="s">
        <v>473</v>
      </c>
      <c r="G1563" s="27">
        <v>3</v>
      </c>
      <c r="H1563" s="3"/>
      <c r="I1563" s="3"/>
      <c r="J1563" s="3"/>
      <c r="K1563" s="3"/>
      <c r="L1563" s="3"/>
      <c r="M1563" s="3"/>
      <c r="N1563" s="3"/>
      <c r="O1563" s="3"/>
      <c r="P1563" s="3"/>
      <c r="Q1563" s="3"/>
      <c r="R1563" s="3"/>
      <c r="S1563" s="3"/>
      <c r="T1563" s="3"/>
      <c r="U1563" s="3"/>
      <c r="V1563" s="3"/>
      <c r="W1563" s="3"/>
      <c r="X1563" s="3"/>
      <c r="Y1563" s="3"/>
      <c r="Z1563" s="3"/>
      <c r="AA1563" s="3"/>
      <c r="AB1563" s="3"/>
      <c r="AC1563" s="3"/>
      <c r="AD1563" s="3"/>
      <c r="AE1563" s="3"/>
      <c r="AF1563" s="3"/>
      <c r="AG1563" s="3"/>
      <c r="AH1563" s="3"/>
      <c r="AI1563" s="3"/>
      <c r="AJ1563" s="3"/>
      <c r="AK1563" s="3"/>
      <c r="AL1563" s="3"/>
      <c r="AM1563" s="3"/>
      <c r="AN1563" s="3"/>
      <c r="AO1563" s="3"/>
      <c r="AP1563" s="3"/>
      <c r="AQ1563" s="3"/>
      <c r="AR1563" s="3"/>
      <c r="AS1563" s="3"/>
      <c r="AT1563" s="3"/>
    </row>
    <row r="1564" spans="1:46" ht="13.5" customHeight="1" x14ac:dyDescent="0.15">
      <c r="A1564" s="3">
        <v>1563</v>
      </c>
      <c r="B1564" s="30" t="s">
        <v>613</v>
      </c>
      <c r="C1564" s="27" t="s">
        <v>2115</v>
      </c>
      <c r="D1564" s="31">
        <v>15750</v>
      </c>
      <c r="E1564" s="32" t="s">
        <v>188</v>
      </c>
      <c r="F1564" s="32" t="s">
        <v>2049</v>
      </c>
      <c r="G1564" s="27">
        <v>3</v>
      </c>
      <c r="H1564" s="3"/>
      <c r="I1564" s="3"/>
      <c r="J1564" s="3"/>
      <c r="K1564" s="3"/>
      <c r="L1564" s="3"/>
      <c r="M1564" s="3"/>
      <c r="N1564" s="3"/>
      <c r="O1564" s="3"/>
      <c r="P1564" s="3"/>
      <c r="Q1564" s="3"/>
      <c r="R1564" s="3"/>
      <c r="S1564" s="3"/>
      <c r="T1564" s="3"/>
      <c r="U1564" s="3"/>
      <c r="V1564" s="3"/>
      <c r="W1564" s="3"/>
      <c r="X1564" s="3"/>
      <c r="Y1564" s="3"/>
      <c r="Z1564" s="3"/>
      <c r="AA1564" s="3"/>
      <c r="AB1564" s="3"/>
      <c r="AC1564" s="3"/>
      <c r="AD1564" s="3"/>
      <c r="AE1564" s="3"/>
      <c r="AF1564" s="3"/>
      <c r="AG1564" s="3"/>
      <c r="AH1564" s="3"/>
      <c r="AI1564" s="3"/>
      <c r="AJ1564" s="3"/>
      <c r="AK1564" s="3"/>
      <c r="AL1564" s="3"/>
      <c r="AM1564" s="3"/>
      <c r="AN1564" s="3"/>
      <c r="AO1564" s="3"/>
      <c r="AP1564" s="3"/>
      <c r="AQ1564" s="3"/>
      <c r="AR1564" s="3"/>
      <c r="AS1564" s="3"/>
      <c r="AT1564" s="3"/>
    </row>
    <row r="1565" spans="1:46" ht="13.5" customHeight="1" x14ac:dyDescent="0.15">
      <c r="A1565" s="3">
        <v>1564</v>
      </c>
      <c r="B1565" s="30" t="s">
        <v>613</v>
      </c>
      <c r="C1565" s="27" t="s">
        <v>985</v>
      </c>
      <c r="D1565" s="31">
        <v>16130</v>
      </c>
      <c r="E1565" s="32" t="s">
        <v>616</v>
      </c>
      <c r="F1565" s="32" t="s">
        <v>1444</v>
      </c>
      <c r="G1565" s="27">
        <v>12</v>
      </c>
      <c r="H1565" s="3"/>
      <c r="I1565" s="3"/>
      <c r="J1565" s="3"/>
      <c r="K1565" s="3"/>
      <c r="L1565" s="3"/>
      <c r="M1565" s="3"/>
      <c r="N1565" s="3"/>
      <c r="O1565" s="3"/>
      <c r="P1565" s="3"/>
      <c r="Q1565" s="3"/>
      <c r="R1565" s="3"/>
      <c r="S1565" s="3"/>
      <c r="T1565" s="3"/>
      <c r="U1565" s="3"/>
      <c r="V1565" s="3"/>
      <c r="W1565" s="3"/>
      <c r="X1565" s="3"/>
      <c r="Y1565" s="3"/>
      <c r="Z1565" s="3"/>
      <c r="AA1565" s="3"/>
      <c r="AB1565" s="3"/>
      <c r="AC1565" s="3"/>
      <c r="AD1565" s="3"/>
      <c r="AE1565" s="3"/>
      <c r="AF1565" s="3"/>
      <c r="AG1565" s="3"/>
      <c r="AH1565" s="3"/>
      <c r="AI1565" s="3"/>
      <c r="AJ1565" s="3"/>
      <c r="AK1565" s="3"/>
      <c r="AL1565" s="3"/>
      <c r="AM1565" s="3"/>
      <c r="AN1565" s="3"/>
      <c r="AO1565" s="3"/>
      <c r="AP1565" s="3"/>
      <c r="AQ1565" s="3"/>
      <c r="AR1565" s="3"/>
      <c r="AS1565" s="3"/>
      <c r="AT1565" s="3"/>
    </row>
    <row r="1566" spans="1:46" ht="13.5" customHeight="1" x14ac:dyDescent="0.15">
      <c r="A1566" s="3">
        <v>1565</v>
      </c>
      <c r="B1566" s="30" t="s">
        <v>613</v>
      </c>
      <c r="C1566" s="27" t="s">
        <v>985</v>
      </c>
      <c r="D1566" s="31">
        <v>16750</v>
      </c>
      <c r="E1566" s="32" t="s">
        <v>561</v>
      </c>
      <c r="F1566" s="32" t="s">
        <v>103</v>
      </c>
      <c r="G1566" s="27">
        <v>12</v>
      </c>
    </row>
    <row r="1567" spans="1:46" ht="13.5" customHeight="1" x14ac:dyDescent="0.15">
      <c r="A1567" s="3">
        <v>1566</v>
      </c>
      <c r="B1567" s="30" t="s">
        <v>613</v>
      </c>
      <c r="C1567" s="27" t="s">
        <v>985</v>
      </c>
      <c r="D1567" s="31">
        <v>16760</v>
      </c>
      <c r="E1567" s="32" t="s">
        <v>562</v>
      </c>
      <c r="F1567" s="32" t="s">
        <v>1836</v>
      </c>
      <c r="G1567" s="27">
        <v>11</v>
      </c>
      <c r="H1567" s="3"/>
      <c r="I1567" s="3"/>
      <c r="J1567" s="3"/>
      <c r="K1567" s="3"/>
      <c r="L1567" s="3"/>
      <c r="M1567" s="3"/>
      <c r="N1567" s="3"/>
      <c r="O1567" s="3"/>
      <c r="P1567" s="3"/>
      <c r="Q1567" s="3"/>
      <c r="R1567" s="3"/>
      <c r="S1567" s="3"/>
      <c r="T1567" s="3"/>
      <c r="U1567" s="3"/>
      <c r="V1567" s="3"/>
      <c r="W1567" s="3"/>
      <c r="X1567" s="3"/>
      <c r="Y1567" s="3"/>
      <c r="Z1567" s="3"/>
      <c r="AA1567" s="3"/>
      <c r="AB1567" s="3"/>
      <c r="AC1567" s="3"/>
      <c r="AD1567" s="3"/>
      <c r="AE1567" s="3"/>
      <c r="AF1567" s="3"/>
      <c r="AG1567" s="3"/>
      <c r="AH1567" s="3"/>
      <c r="AI1567" s="3"/>
      <c r="AJ1567" s="3"/>
      <c r="AK1567" s="3"/>
      <c r="AL1567" s="3"/>
      <c r="AM1567" s="3"/>
      <c r="AN1567" s="3"/>
      <c r="AO1567" s="3"/>
      <c r="AP1567" s="3"/>
      <c r="AQ1567" s="3"/>
      <c r="AR1567" s="3"/>
      <c r="AS1567" s="3"/>
      <c r="AT1567" s="3"/>
    </row>
    <row r="1568" spans="1:46" ht="13.5" customHeight="1" x14ac:dyDescent="0.15">
      <c r="A1568" s="3">
        <v>1567</v>
      </c>
      <c r="B1568" s="30" t="s">
        <v>613</v>
      </c>
      <c r="C1568" s="27" t="s">
        <v>985</v>
      </c>
      <c r="D1568" s="31">
        <v>16800</v>
      </c>
      <c r="E1568" s="32" t="s">
        <v>1399</v>
      </c>
      <c r="F1568" s="32" t="s">
        <v>1039</v>
      </c>
      <c r="G1568" s="27">
        <v>7</v>
      </c>
      <c r="H1568" s="3"/>
      <c r="I1568" s="3"/>
      <c r="J1568" s="3"/>
      <c r="K1568" s="3"/>
      <c r="L1568" s="3"/>
      <c r="M1568" s="3"/>
      <c r="N1568" s="3"/>
      <c r="O1568" s="3"/>
      <c r="P1568" s="3"/>
      <c r="Q1568" s="3"/>
      <c r="R1568" s="3"/>
      <c r="S1568" s="3"/>
      <c r="T1568" s="3"/>
      <c r="U1568" s="3"/>
      <c r="V1568" s="3"/>
      <c r="W1568" s="3"/>
      <c r="X1568" s="3"/>
      <c r="Y1568" s="3"/>
      <c r="Z1568" s="3"/>
      <c r="AA1568" s="3"/>
      <c r="AB1568" s="3"/>
      <c r="AC1568" s="3"/>
      <c r="AD1568" s="3"/>
      <c r="AE1568" s="3"/>
      <c r="AF1568" s="3"/>
      <c r="AG1568" s="3"/>
      <c r="AH1568" s="3"/>
      <c r="AI1568" s="3"/>
      <c r="AJ1568" s="3"/>
      <c r="AK1568" s="3"/>
      <c r="AL1568" s="3"/>
      <c r="AM1568" s="3"/>
      <c r="AN1568" s="3"/>
      <c r="AO1568" s="3"/>
      <c r="AP1568" s="3"/>
      <c r="AQ1568" s="3"/>
      <c r="AR1568" s="3"/>
      <c r="AS1568" s="3"/>
      <c r="AT1568" s="3"/>
    </row>
    <row r="1569" spans="1:46" ht="13.5" customHeight="1" x14ac:dyDescent="0.15">
      <c r="A1569" s="3">
        <v>1568</v>
      </c>
      <c r="B1569" s="30" t="s">
        <v>613</v>
      </c>
      <c r="C1569" s="27" t="s">
        <v>985</v>
      </c>
      <c r="D1569" s="31">
        <v>16980</v>
      </c>
      <c r="E1569" s="32" t="s">
        <v>1216</v>
      </c>
      <c r="F1569" s="32" t="s">
        <v>1927</v>
      </c>
      <c r="G1569" s="27">
        <v>6</v>
      </c>
      <c r="H1569" s="3"/>
      <c r="I1569" s="3"/>
      <c r="J1569" s="3"/>
      <c r="K1569" s="3"/>
      <c r="L1569" s="3"/>
      <c r="M1569" s="3"/>
      <c r="N1569" s="3"/>
      <c r="O1569" s="3"/>
      <c r="P1569" s="3"/>
      <c r="Q1569" s="3"/>
      <c r="R1569" s="3"/>
      <c r="S1569" s="3"/>
      <c r="T1569" s="3"/>
      <c r="U1569" s="3"/>
      <c r="V1569" s="3"/>
      <c r="W1569" s="3"/>
      <c r="X1569" s="3"/>
      <c r="Y1569" s="3"/>
      <c r="Z1569" s="3"/>
      <c r="AA1569" s="3"/>
      <c r="AB1569" s="3"/>
      <c r="AC1569" s="3"/>
      <c r="AD1569" s="3"/>
      <c r="AE1569" s="3"/>
      <c r="AF1569" s="3"/>
      <c r="AG1569" s="3"/>
      <c r="AH1569" s="3"/>
      <c r="AI1569" s="3"/>
      <c r="AJ1569" s="3"/>
      <c r="AK1569" s="3"/>
      <c r="AL1569" s="3"/>
      <c r="AM1569" s="3"/>
      <c r="AN1569" s="3"/>
      <c r="AO1569" s="3"/>
      <c r="AP1569" s="3"/>
      <c r="AQ1569" s="3"/>
      <c r="AR1569" s="3"/>
      <c r="AS1569" s="3"/>
      <c r="AT1569" s="3"/>
    </row>
    <row r="1570" spans="1:46" ht="13.5" customHeight="1" x14ac:dyDescent="0.15">
      <c r="A1570" s="3">
        <v>1569</v>
      </c>
      <c r="B1570" s="30" t="s">
        <v>613</v>
      </c>
      <c r="C1570" s="27" t="s">
        <v>985</v>
      </c>
      <c r="D1570" s="31">
        <v>17090</v>
      </c>
      <c r="E1570" s="32" t="s">
        <v>1402</v>
      </c>
      <c r="F1570" s="32" t="s">
        <v>2414</v>
      </c>
      <c r="G1570" s="27">
        <v>8</v>
      </c>
      <c r="H1570" s="3"/>
      <c r="I1570" s="3"/>
      <c r="J1570" s="3"/>
      <c r="K1570" s="3"/>
      <c r="L1570" s="3"/>
      <c r="M1570" s="3"/>
      <c r="N1570" s="3"/>
      <c r="O1570" s="3"/>
      <c r="P1570" s="3"/>
      <c r="Q1570" s="3"/>
      <c r="R1570" s="3"/>
      <c r="S1570" s="3"/>
      <c r="T1570" s="3"/>
      <c r="U1570" s="3"/>
      <c r="V1570" s="3"/>
      <c r="W1570" s="3"/>
      <c r="X1570" s="3"/>
      <c r="Y1570" s="3"/>
      <c r="Z1570" s="3"/>
      <c r="AA1570" s="3"/>
      <c r="AB1570" s="3"/>
      <c r="AC1570" s="3"/>
      <c r="AD1570" s="3"/>
      <c r="AE1570" s="3"/>
      <c r="AF1570" s="3"/>
      <c r="AG1570" s="3"/>
      <c r="AH1570" s="3"/>
      <c r="AI1570" s="3"/>
      <c r="AJ1570" s="3"/>
      <c r="AK1570" s="3"/>
      <c r="AL1570" s="3"/>
      <c r="AM1570" s="3"/>
      <c r="AN1570" s="3"/>
      <c r="AO1570" s="3"/>
      <c r="AP1570" s="3"/>
      <c r="AQ1570" s="3"/>
      <c r="AR1570" s="3"/>
      <c r="AS1570" s="3"/>
      <c r="AT1570" s="3"/>
    </row>
    <row r="1571" spans="1:46" ht="13.5" customHeight="1" x14ac:dyDescent="0.15">
      <c r="A1571" s="3">
        <v>1570</v>
      </c>
      <c r="B1571" s="30" t="s">
        <v>613</v>
      </c>
      <c r="C1571" s="27" t="s">
        <v>985</v>
      </c>
      <c r="D1571" s="31">
        <v>17120</v>
      </c>
      <c r="E1571" s="32" t="s">
        <v>1403</v>
      </c>
      <c r="F1571" s="32" t="s">
        <v>1838</v>
      </c>
      <c r="G1571" s="27">
        <v>12</v>
      </c>
      <c r="H1571" s="3"/>
      <c r="I1571" s="3"/>
      <c r="J1571" s="3"/>
      <c r="K1571" s="3"/>
      <c r="L1571" s="3"/>
      <c r="M1571" s="3"/>
      <c r="N1571" s="3"/>
      <c r="O1571" s="3"/>
      <c r="P1571" s="3"/>
      <c r="Q1571" s="3"/>
      <c r="R1571" s="3"/>
      <c r="S1571" s="3"/>
      <c r="T1571" s="3"/>
      <c r="U1571" s="3"/>
      <c r="V1571" s="3"/>
      <c r="W1571" s="3"/>
      <c r="X1571" s="3"/>
      <c r="Y1571" s="3"/>
      <c r="Z1571" s="3"/>
      <c r="AA1571" s="3"/>
      <c r="AB1571" s="3"/>
      <c r="AC1571" s="3"/>
      <c r="AD1571" s="3"/>
      <c r="AE1571" s="3"/>
      <c r="AF1571" s="3"/>
      <c r="AG1571" s="3"/>
      <c r="AH1571" s="3"/>
      <c r="AI1571" s="3"/>
      <c r="AJ1571" s="3"/>
      <c r="AK1571" s="3"/>
      <c r="AL1571" s="3"/>
      <c r="AM1571" s="3"/>
      <c r="AN1571" s="3"/>
      <c r="AO1571" s="3"/>
      <c r="AP1571" s="3"/>
      <c r="AQ1571" s="3"/>
      <c r="AR1571" s="3"/>
      <c r="AS1571" s="3"/>
      <c r="AT1571" s="3"/>
    </row>
    <row r="1572" spans="1:46" ht="13.5" customHeight="1" x14ac:dyDescent="0.15">
      <c r="A1572" s="3">
        <v>1571</v>
      </c>
      <c r="B1572" s="30" t="s">
        <v>613</v>
      </c>
      <c r="C1572" s="27" t="s">
        <v>985</v>
      </c>
      <c r="D1572" s="31">
        <v>17310</v>
      </c>
      <c r="E1572" s="32" t="s">
        <v>1406</v>
      </c>
      <c r="F1572" s="32" t="s">
        <v>2188</v>
      </c>
      <c r="G1572" s="27">
        <v>9</v>
      </c>
      <c r="H1572" s="3"/>
      <c r="I1572" s="3"/>
      <c r="J1572" s="3"/>
      <c r="K1572" s="3"/>
      <c r="L1572" s="3"/>
      <c r="M1572" s="3"/>
      <c r="N1572" s="3"/>
      <c r="O1572" s="3"/>
      <c r="P1572" s="3"/>
      <c r="Q1572" s="3"/>
      <c r="R1572" s="3"/>
      <c r="S1572" s="3"/>
      <c r="T1572" s="3"/>
      <c r="U1572" s="3"/>
      <c r="V1572" s="3"/>
      <c r="W1572" s="3"/>
      <c r="X1572" s="3"/>
      <c r="Y1572" s="3"/>
      <c r="Z1572" s="3"/>
      <c r="AA1572" s="3"/>
      <c r="AB1572" s="3"/>
      <c r="AC1572" s="3"/>
      <c r="AD1572" s="3"/>
      <c r="AE1572" s="3"/>
      <c r="AF1572" s="3"/>
      <c r="AG1572" s="3"/>
      <c r="AH1572" s="3"/>
      <c r="AI1572" s="3"/>
      <c r="AJ1572" s="3"/>
      <c r="AK1572" s="3"/>
      <c r="AL1572" s="3"/>
      <c r="AM1572" s="3"/>
      <c r="AN1572" s="3"/>
      <c r="AO1572" s="3"/>
      <c r="AP1572" s="3"/>
      <c r="AQ1572" s="3"/>
      <c r="AR1572" s="3"/>
      <c r="AS1572" s="3"/>
      <c r="AT1572" s="3"/>
    </row>
    <row r="1573" spans="1:46" ht="13.5" customHeight="1" x14ac:dyDescent="0.15">
      <c r="A1573" s="3">
        <v>1572</v>
      </c>
      <c r="B1573" s="30" t="s">
        <v>613</v>
      </c>
      <c r="C1573" s="27" t="s">
        <v>985</v>
      </c>
      <c r="D1573" s="31">
        <v>19190</v>
      </c>
      <c r="E1573" s="32" t="s">
        <v>1395</v>
      </c>
      <c r="F1573" s="32" t="s">
        <v>915</v>
      </c>
      <c r="G1573" s="27">
        <v>6</v>
      </c>
      <c r="H1573" s="3"/>
      <c r="I1573" s="3"/>
      <c r="J1573" s="3"/>
      <c r="K1573" s="3"/>
      <c r="L1573" s="3"/>
      <c r="M1573" s="3"/>
      <c r="N1573" s="3"/>
      <c r="O1573" s="3"/>
      <c r="P1573" s="3"/>
      <c r="Q1573" s="3"/>
      <c r="R1573" s="3"/>
      <c r="S1573" s="3"/>
      <c r="T1573" s="3"/>
      <c r="U1573" s="3"/>
      <c r="V1573" s="3"/>
      <c r="W1573" s="3"/>
      <c r="X1573" s="3"/>
      <c r="Y1573" s="3"/>
      <c r="Z1573" s="3"/>
      <c r="AA1573" s="3"/>
      <c r="AB1573" s="3"/>
      <c r="AC1573" s="3"/>
      <c r="AD1573" s="3"/>
      <c r="AE1573" s="3"/>
      <c r="AF1573" s="3"/>
      <c r="AG1573" s="3"/>
      <c r="AH1573" s="3"/>
      <c r="AI1573" s="3"/>
      <c r="AJ1573" s="3"/>
      <c r="AK1573" s="3"/>
      <c r="AL1573" s="3"/>
      <c r="AM1573" s="3"/>
      <c r="AN1573" s="3"/>
      <c r="AO1573" s="3"/>
      <c r="AP1573" s="3"/>
      <c r="AQ1573" s="3"/>
      <c r="AR1573" s="3"/>
      <c r="AS1573" s="3"/>
      <c r="AT1573" s="3"/>
    </row>
    <row r="1574" spans="1:46" ht="13.5" customHeight="1" x14ac:dyDescent="0.15">
      <c r="A1574" s="3">
        <v>1573</v>
      </c>
      <c r="B1574" s="30" t="s">
        <v>613</v>
      </c>
      <c r="C1574" s="27" t="s">
        <v>985</v>
      </c>
      <c r="D1574" s="31">
        <v>19270</v>
      </c>
      <c r="E1574" s="32" t="s">
        <v>125</v>
      </c>
      <c r="F1574" s="32" t="s">
        <v>1448</v>
      </c>
      <c r="G1574" s="27">
        <v>6</v>
      </c>
      <c r="H1574" s="3"/>
      <c r="I1574" s="3"/>
      <c r="J1574" s="3"/>
      <c r="K1574" s="3"/>
      <c r="L1574" s="3"/>
      <c r="M1574" s="3"/>
      <c r="N1574" s="3"/>
      <c r="O1574" s="3"/>
      <c r="P1574" s="3"/>
      <c r="Q1574" s="3"/>
      <c r="R1574" s="3"/>
      <c r="S1574" s="3"/>
      <c r="T1574" s="3"/>
      <c r="U1574" s="3"/>
      <c r="V1574" s="3"/>
      <c r="W1574" s="3"/>
      <c r="X1574" s="3"/>
      <c r="Y1574" s="3"/>
      <c r="Z1574" s="3"/>
      <c r="AA1574" s="3"/>
      <c r="AB1574" s="3"/>
      <c r="AC1574" s="3"/>
      <c r="AD1574" s="3"/>
      <c r="AE1574" s="3"/>
      <c r="AF1574" s="3"/>
      <c r="AG1574" s="3"/>
      <c r="AH1574" s="3"/>
      <c r="AI1574" s="3"/>
      <c r="AJ1574" s="3"/>
      <c r="AK1574" s="3"/>
      <c r="AL1574" s="3"/>
      <c r="AM1574" s="3"/>
      <c r="AN1574" s="3"/>
      <c r="AO1574" s="3"/>
      <c r="AP1574" s="3"/>
      <c r="AQ1574" s="3"/>
      <c r="AR1574" s="3"/>
      <c r="AS1574" s="3"/>
      <c r="AT1574" s="3"/>
    </row>
    <row r="1575" spans="1:46" ht="13.5" customHeight="1" x14ac:dyDescent="0.15">
      <c r="A1575" s="3">
        <v>1574</v>
      </c>
      <c r="B1575" s="30" t="s">
        <v>613</v>
      </c>
      <c r="C1575" s="27" t="s">
        <v>985</v>
      </c>
      <c r="D1575" s="31">
        <v>20090</v>
      </c>
      <c r="E1575" s="32" t="s">
        <v>1769</v>
      </c>
      <c r="F1575" s="32" t="s">
        <v>1445</v>
      </c>
      <c r="G1575" s="27">
        <v>6</v>
      </c>
      <c r="H1575" s="3"/>
      <c r="I1575" s="3"/>
      <c r="J1575" s="3"/>
      <c r="K1575" s="3"/>
      <c r="L1575" s="3"/>
      <c r="M1575" s="3"/>
      <c r="N1575" s="3"/>
      <c r="O1575" s="3"/>
      <c r="P1575" s="3"/>
      <c r="Q1575" s="3"/>
      <c r="R1575" s="3"/>
      <c r="S1575" s="3"/>
      <c r="T1575" s="3"/>
      <c r="U1575" s="3"/>
      <c r="V1575" s="3"/>
      <c r="W1575" s="3"/>
      <c r="X1575" s="3"/>
      <c r="Y1575" s="3"/>
      <c r="Z1575" s="3"/>
      <c r="AA1575" s="3"/>
      <c r="AB1575" s="3"/>
      <c r="AC1575" s="3"/>
      <c r="AD1575" s="3"/>
      <c r="AE1575" s="3"/>
      <c r="AF1575" s="3"/>
      <c r="AG1575" s="3"/>
      <c r="AH1575" s="3"/>
      <c r="AI1575" s="3"/>
      <c r="AJ1575" s="3"/>
      <c r="AK1575" s="3"/>
      <c r="AL1575" s="3"/>
      <c r="AM1575" s="3"/>
      <c r="AN1575" s="3"/>
      <c r="AO1575" s="3"/>
      <c r="AP1575" s="3"/>
      <c r="AQ1575" s="3"/>
      <c r="AR1575" s="3"/>
      <c r="AS1575" s="3"/>
      <c r="AT1575" s="3"/>
    </row>
    <row r="1576" spans="1:46" ht="13.5" customHeight="1" x14ac:dyDescent="0.15">
      <c r="A1576" s="3">
        <v>1575</v>
      </c>
      <c r="B1576" s="30" t="s">
        <v>613</v>
      </c>
      <c r="C1576" s="27" t="s">
        <v>985</v>
      </c>
      <c r="D1576" s="31">
        <v>20440</v>
      </c>
      <c r="E1576" s="32" t="s">
        <v>1685</v>
      </c>
      <c r="F1576" s="32" t="s">
        <v>109</v>
      </c>
      <c r="G1576" s="27">
        <v>8</v>
      </c>
      <c r="H1576" s="3"/>
      <c r="I1576" s="3"/>
      <c r="J1576" s="3"/>
      <c r="K1576" s="3"/>
      <c r="L1576" s="3"/>
      <c r="M1576" s="3"/>
      <c r="N1576" s="3"/>
      <c r="O1576" s="3"/>
      <c r="P1576" s="3"/>
      <c r="Q1576" s="3"/>
      <c r="R1576" s="3"/>
      <c r="S1576" s="3"/>
      <c r="T1576" s="3"/>
      <c r="U1576" s="3"/>
      <c r="V1576" s="3"/>
      <c r="W1576" s="3"/>
      <c r="X1576" s="3"/>
      <c r="Y1576" s="3"/>
      <c r="Z1576" s="3"/>
      <c r="AA1576" s="3"/>
      <c r="AB1576" s="3"/>
      <c r="AC1576" s="3"/>
      <c r="AD1576" s="3"/>
      <c r="AE1576" s="3"/>
      <c r="AF1576" s="3"/>
      <c r="AG1576" s="3"/>
      <c r="AH1576" s="3"/>
      <c r="AI1576" s="3"/>
      <c r="AJ1576" s="3"/>
      <c r="AK1576" s="3"/>
      <c r="AL1576" s="3"/>
      <c r="AM1576" s="3"/>
      <c r="AN1576" s="3"/>
      <c r="AO1576" s="3"/>
      <c r="AP1576" s="3"/>
      <c r="AQ1576" s="3"/>
      <c r="AR1576" s="3"/>
      <c r="AS1576" s="3"/>
      <c r="AT1576" s="3"/>
    </row>
    <row r="1577" spans="1:46" ht="13.5" customHeight="1" x14ac:dyDescent="0.15">
      <c r="A1577" s="3">
        <v>1576</v>
      </c>
      <c r="B1577" s="30" t="s">
        <v>613</v>
      </c>
      <c r="C1577" s="27" t="s">
        <v>985</v>
      </c>
      <c r="D1577" s="31">
        <v>21000</v>
      </c>
      <c r="E1577" s="32" t="s">
        <v>1656</v>
      </c>
      <c r="F1577" s="32" t="s">
        <v>726</v>
      </c>
      <c r="G1577" s="27">
        <v>3</v>
      </c>
      <c r="H1577" s="3"/>
      <c r="I1577" s="3"/>
      <c r="J1577" s="3"/>
      <c r="K1577" s="3"/>
      <c r="L1577" s="3"/>
      <c r="M1577" s="3"/>
      <c r="N1577" s="3"/>
      <c r="O1577" s="3"/>
      <c r="P1577" s="3"/>
      <c r="Q1577" s="3"/>
      <c r="R1577" s="3"/>
      <c r="S1577" s="3"/>
      <c r="T1577" s="3"/>
      <c r="U1577" s="3"/>
      <c r="V1577" s="3"/>
      <c r="W1577" s="3"/>
      <c r="X1577" s="3"/>
      <c r="Y1577" s="3"/>
      <c r="Z1577" s="3"/>
      <c r="AA1577" s="3"/>
      <c r="AB1577" s="3"/>
      <c r="AC1577" s="3"/>
      <c r="AD1577" s="3"/>
      <c r="AE1577" s="3"/>
      <c r="AF1577" s="3"/>
      <c r="AG1577" s="3"/>
      <c r="AH1577" s="3"/>
      <c r="AI1577" s="3"/>
      <c r="AJ1577" s="3"/>
      <c r="AK1577" s="3"/>
      <c r="AL1577" s="3"/>
      <c r="AM1577" s="3"/>
      <c r="AN1577" s="3"/>
      <c r="AO1577" s="3"/>
      <c r="AP1577" s="3"/>
      <c r="AQ1577" s="3"/>
      <c r="AR1577" s="3"/>
      <c r="AS1577" s="3"/>
      <c r="AT1577" s="3"/>
    </row>
    <row r="1578" spans="1:46" ht="13.5" customHeight="1" x14ac:dyDescent="0.15">
      <c r="A1578" s="3">
        <v>1577</v>
      </c>
      <c r="B1578" s="30" t="s">
        <v>613</v>
      </c>
      <c r="C1578" s="27" t="s">
        <v>985</v>
      </c>
      <c r="D1578" s="31">
        <v>21080</v>
      </c>
      <c r="E1578" s="32" t="s">
        <v>359</v>
      </c>
      <c r="F1578" s="32" t="s">
        <v>1364</v>
      </c>
      <c r="G1578" s="27">
        <v>7</v>
      </c>
      <c r="H1578" s="3"/>
      <c r="I1578" s="3"/>
      <c r="J1578" s="3"/>
      <c r="K1578" s="3"/>
      <c r="L1578" s="3"/>
      <c r="M1578" s="3"/>
      <c r="N1578" s="3"/>
      <c r="O1578" s="3"/>
      <c r="P1578" s="3"/>
      <c r="Q1578" s="3"/>
      <c r="R1578" s="3"/>
      <c r="S1578" s="3"/>
      <c r="T1578" s="3"/>
      <c r="U1578" s="3"/>
      <c r="V1578" s="3"/>
      <c r="W1578" s="3"/>
      <c r="X1578" s="3"/>
      <c r="Y1578" s="3"/>
      <c r="Z1578" s="3"/>
      <c r="AA1578" s="3"/>
      <c r="AB1578" s="3"/>
      <c r="AC1578" s="3"/>
      <c r="AD1578" s="3"/>
      <c r="AE1578" s="3"/>
      <c r="AF1578" s="3"/>
      <c r="AG1578" s="3"/>
      <c r="AH1578" s="3"/>
      <c r="AI1578" s="3"/>
      <c r="AJ1578" s="3"/>
      <c r="AK1578" s="3"/>
      <c r="AL1578" s="3"/>
      <c r="AM1578" s="3"/>
      <c r="AN1578" s="3"/>
      <c r="AO1578" s="3"/>
      <c r="AP1578" s="3"/>
      <c r="AQ1578" s="3"/>
      <c r="AR1578" s="3"/>
      <c r="AS1578" s="3"/>
      <c r="AT1578" s="3"/>
    </row>
    <row r="1579" spans="1:46" ht="13.5" customHeight="1" x14ac:dyDescent="0.15">
      <c r="A1579" s="3">
        <v>1578</v>
      </c>
      <c r="B1579" s="30" t="s">
        <v>613</v>
      </c>
      <c r="C1579" s="27" t="s">
        <v>985</v>
      </c>
      <c r="D1579" s="31">
        <v>21800</v>
      </c>
      <c r="E1579" s="32" t="s">
        <v>423</v>
      </c>
      <c r="F1579" s="32" t="s">
        <v>2290</v>
      </c>
      <c r="G1579" s="27">
        <v>5</v>
      </c>
      <c r="H1579" s="3"/>
      <c r="I1579" s="3"/>
      <c r="J1579" s="3"/>
      <c r="K1579" s="3"/>
      <c r="L1579" s="3"/>
      <c r="M1579" s="3"/>
      <c r="N1579" s="3"/>
      <c r="O1579" s="3"/>
      <c r="P1579" s="3"/>
      <c r="Q1579" s="3"/>
      <c r="R1579" s="3"/>
      <c r="S1579" s="3"/>
      <c r="T1579" s="3"/>
      <c r="U1579" s="3"/>
      <c r="V1579" s="3"/>
      <c r="W1579" s="3"/>
      <c r="X1579" s="3"/>
      <c r="Y1579" s="3"/>
      <c r="Z1579" s="3"/>
      <c r="AA1579" s="3"/>
      <c r="AB1579" s="3"/>
      <c r="AC1579" s="3"/>
      <c r="AD1579" s="3"/>
      <c r="AE1579" s="3"/>
      <c r="AF1579" s="3"/>
      <c r="AG1579" s="3"/>
      <c r="AH1579" s="3"/>
      <c r="AI1579" s="3"/>
      <c r="AJ1579" s="3"/>
      <c r="AK1579" s="3"/>
      <c r="AL1579" s="3"/>
      <c r="AM1579" s="3"/>
      <c r="AN1579" s="3"/>
      <c r="AO1579" s="3"/>
      <c r="AP1579" s="3"/>
      <c r="AQ1579" s="3"/>
      <c r="AR1579" s="3"/>
      <c r="AS1579" s="3"/>
      <c r="AT1579" s="3"/>
    </row>
    <row r="1580" spans="1:46" ht="13.5" customHeight="1" x14ac:dyDescent="0.15">
      <c r="A1580" s="3">
        <v>1579</v>
      </c>
      <c r="B1580" s="30" t="s">
        <v>613</v>
      </c>
      <c r="C1580" s="27" t="s">
        <v>985</v>
      </c>
      <c r="D1580" s="31">
        <v>21950</v>
      </c>
      <c r="E1580" s="32" t="s">
        <v>1162</v>
      </c>
      <c r="F1580" s="32" t="s">
        <v>2033</v>
      </c>
      <c r="G1580" s="27">
        <v>3</v>
      </c>
      <c r="H1580" s="3"/>
      <c r="I1580" s="3"/>
      <c r="J1580" s="3"/>
      <c r="K1580" s="3"/>
      <c r="L1580" s="3"/>
      <c r="M1580" s="3"/>
      <c r="N1580" s="3"/>
      <c r="O1580" s="3"/>
      <c r="P1580" s="3"/>
      <c r="Q1580" s="3"/>
      <c r="R1580" s="3"/>
      <c r="S1580" s="3"/>
      <c r="T1580" s="3"/>
      <c r="U1580" s="3"/>
      <c r="V1580" s="3"/>
      <c r="W1580" s="3"/>
      <c r="X1580" s="3"/>
      <c r="Y1580" s="3"/>
      <c r="Z1580" s="3"/>
      <c r="AA1580" s="3"/>
      <c r="AB1580" s="3"/>
      <c r="AC1580" s="3"/>
      <c r="AD1580" s="3"/>
      <c r="AE1580" s="3"/>
      <c r="AF1580" s="3"/>
      <c r="AG1580" s="3"/>
      <c r="AH1580" s="3"/>
      <c r="AI1580" s="3"/>
      <c r="AJ1580" s="3"/>
      <c r="AK1580" s="3"/>
      <c r="AL1580" s="3"/>
      <c r="AM1580" s="3"/>
      <c r="AN1580" s="3"/>
      <c r="AO1580" s="3"/>
      <c r="AP1580" s="3"/>
      <c r="AQ1580" s="3"/>
      <c r="AR1580" s="3"/>
      <c r="AS1580" s="3"/>
      <c r="AT1580" s="3"/>
    </row>
    <row r="1581" spans="1:46" ht="13.5" customHeight="1" x14ac:dyDescent="0.15">
      <c r="A1581" s="3">
        <v>1580</v>
      </c>
      <c r="B1581" s="30" t="s">
        <v>613</v>
      </c>
      <c r="C1581" s="27" t="s">
        <v>985</v>
      </c>
      <c r="D1581" s="31">
        <v>22240</v>
      </c>
      <c r="E1581" s="32" t="s">
        <v>1731</v>
      </c>
      <c r="F1581" s="32" t="s">
        <v>1449</v>
      </c>
      <c r="G1581" s="27">
        <v>12</v>
      </c>
      <c r="H1581" s="3"/>
      <c r="I1581" s="3"/>
      <c r="J1581" s="3"/>
      <c r="K1581" s="3"/>
      <c r="L1581" s="3"/>
      <c r="M1581" s="3"/>
      <c r="N1581" s="3"/>
      <c r="O1581" s="3"/>
      <c r="P1581" s="3"/>
      <c r="Q1581" s="3"/>
      <c r="R1581" s="3"/>
      <c r="S1581" s="3"/>
      <c r="T1581" s="3"/>
      <c r="U1581" s="3"/>
      <c r="V1581" s="3"/>
      <c r="W1581" s="3"/>
      <c r="X1581" s="3"/>
      <c r="Y1581" s="3"/>
      <c r="Z1581" s="3"/>
      <c r="AA1581" s="3"/>
      <c r="AB1581" s="3"/>
      <c r="AC1581" s="3"/>
      <c r="AD1581" s="3"/>
      <c r="AE1581" s="3"/>
      <c r="AF1581" s="3"/>
      <c r="AG1581" s="3"/>
      <c r="AH1581" s="3"/>
      <c r="AI1581" s="3"/>
      <c r="AJ1581" s="3"/>
      <c r="AK1581" s="3"/>
      <c r="AL1581" s="3"/>
      <c r="AM1581" s="3"/>
      <c r="AN1581" s="3"/>
      <c r="AO1581" s="3"/>
      <c r="AP1581" s="3"/>
      <c r="AQ1581" s="3"/>
      <c r="AR1581" s="3"/>
      <c r="AS1581" s="3"/>
      <c r="AT1581" s="3"/>
    </row>
    <row r="1582" spans="1:46" ht="13.5" customHeight="1" x14ac:dyDescent="0.15">
      <c r="A1582" s="3">
        <v>1581</v>
      </c>
      <c r="B1582" s="30" t="s">
        <v>613</v>
      </c>
      <c r="C1582" s="27" t="s">
        <v>985</v>
      </c>
      <c r="D1582" s="31">
        <v>25230</v>
      </c>
      <c r="E1582" s="32" t="s">
        <v>717</v>
      </c>
      <c r="F1582" s="32" t="s">
        <v>1511</v>
      </c>
      <c r="G1582" s="27">
        <v>6</v>
      </c>
      <c r="H1582" s="3"/>
      <c r="I1582" s="3"/>
      <c r="J1582" s="3"/>
      <c r="K1582" s="3"/>
      <c r="L1582" s="3"/>
      <c r="M1582" s="3"/>
      <c r="N1582" s="3"/>
      <c r="O1582" s="3"/>
      <c r="P1582" s="3"/>
      <c r="Q1582" s="3"/>
      <c r="R1582" s="3"/>
      <c r="S1582" s="3"/>
      <c r="T1582" s="3"/>
      <c r="U1582" s="3"/>
      <c r="V1582" s="3"/>
      <c r="W1582" s="3"/>
      <c r="X1582" s="3"/>
      <c r="Y1582" s="3"/>
      <c r="Z1582" s="3"/>
      <c r="AA1582" s="3"/>
      <c r="AB1582" s="3"/>
      <c r="AC1582" s="3"/>
      <c r="AD1582" s="3"/>
      <c r="AE1582" s="3"/>
      <c r="AF1582" s="3"/>
      <c r="AG1582" s="3"/>
      <c r="AH1582" s="3"/>
      <c r="AI1582" s="3"/>
      <c r="AJ1582" s="3"/>
      <c r="AK1582" s="3"/>
      <c r="AL1582" s="3"/>
      <c r="AM1582" s="3"/>
      <c r="AN1582" s="3"/>
      <c r="AO1582" s="3"/>
      <c r="AP1582" s="3"/>
      <c r="AQ1582" s="3"/>
      <c r="AR1582" s="3"/>
      <c r="AS1582" s="3"/>
      <c r="AT1582" s="3"/>
    </row>
    <row r="1583" spans="1:46" ht="13.5" customHeight="1" x14ac:dyDescent="0.15">
      <c r="A1583" s="3">
        <v>1582</v>
      </c>
      <c r="B1583" s="30" t="s">
        <v>613</v>
      </c>
      <c r="C1583" s="27" t="s">
        <v>985</v>
      </c>
      <c r="D1583" s="31">
        <v>25240</v>
      </c>
      <c r="E1583" s="32" t="s">
        <v>1851</v>
      </c>
      <c r="F1583" s="32" t="s">
        <v>860</v>
      </c>
      <c r="G1583" s="27">
        <v>6</v>
      </c>
      <c r="H1583" s="3"/>
      <c r="I1583" s="3"/>
      <c r="J1583" s="3"/>
      <c r="K1583" s="3"/>
      <c r="L1583" s="3"/>
      <c r="M1583" s="3"/>
      <c r="N1583" s="3"/>
      <c r="O1583" s="3"/>
      <c r="P1583" s="3"/>
      <c r="Q1583" s="3"/>
      <c r="R1583" s="3"/>
      <c r="S1583" s="3"/>
      <c r="T1583" s="3"/>
      <c r="U1583" s="3"/>
      <c r="V1583" s="3"/>
      <c r="W1583" s="3"/>
      <c r="X1583" s="3"/>
      <c r="Y1583" s="3"/>
      <c r="Z1583" s="3"/>
      <c r="AA1583" s="3"/>
      <c r="AB1583" s="3"/>
      <c r="AC1583" s="3"/>
      <c r="AD1583" s="3"/>
      <c r="AE1583" s="3"/>
      <c r="AF1583" s="3"/>
      <c r="AG1583" s="3"/>
      <c r="AH1583" s="3"/>
      <c r="AI1583" s="3"/>
      <c r="AJ1583" s="3"/>
      <c r="AK1583" s="3"/>
      <c r="AL1583" s="3"/>
      <c r="AM1583" s="3"/>
      <c r="AN1583" s="3"/>
      <c r="AO1583" s="3"/>
      <c r="AP1583" s="3"/>
      <c r="AQ1583" s="3"/>
      <c r="AR1583" s="3"/>
      <c r="AS1583" s="3"/>
      <c r="AT1583" s="3"/>
    </row>
    <row r="1584" spans="1:46" ht="13.5" customHeight="1" x14ac:dyDescent="0.15">
      <c r="A1584" s="3">
        <v>1583</v>
      </c>
      <c r="B1584" s="30" t="s">
        <v>613</v>
      </c>
      <c r="C1584" s="27" t="s">
        <v>985</v>
      </c>
      <c r="D1584" s="31">
        <v>26370</v>
      </c>
      <c r="E1584" s="32" t="s">
        <v>3252</v>
      </c>
      <c r="F1584" s="32" t="s">
        <v>858</v>
      </c>
      <c r="G1584" s="27">
        <v>6</v>
      </c>
      <c r="H1584" s="3"/>
      <c r="I1584" s="3"/>
      <c r="J1584" s="3"/>
      <c r="K1584" s="3"/>
      <c r="L1584" s="3"/>
      <c r="M1584" s="3"/>
      <c r="N1584" s="3"/>
      <c r="O1584" s="3"/>
      <c r="P1584" s="3"/>
      <c r="Q1584" s="3"/>
      <c r="R1584" s="3"/>
      <c r="S1584" s="3"/>
      <c r="T1584" s="3"/>
      <c r="U1584" s="3"/>
      <c r="V1584" s="3"/>
      <c r="W1584" s="3"/>
      <c r="X1584" s="3"/>
      <c r="Y1584" s="3"/>
      <c r="Z1584" s="3"/>
      <c r="AA1584" s="3"/>
      <c r="AB1584" s="3"/>
      <c r="AC1584" s="3"/>
      <c r="AD1584" s="3"/>
      <c r="AE1584" s="3"/>
      <c r="AF1584" s="3"/>
      <c r="AG1584" s="3"/>
      <c r="AH1584" s="3"/>
      <c r="AI1584" s="3"/>
      <c r="AJ1584" s="3"/>
      <c r="AK1584" s="3"/>
      <c r="AL1584" s="3"/>
      <c r="AM1584" s="3"/>
      <c r="AN1584" s="3"/>
      <c r="AO1584" s="3"/>
      <c r="AP1584" s="3"/>
      <c r="AQ1584" s="3"/>
      <c r="AR1584" s="3"/>
      <c r="AS1584" s="3"/>
      <c r="AT1584" s="3"/>
    </row>
    <row r="1585" spans="1:46" ht="13.5" customHeight="1" x14ac:dyDescent="0.15">
      <c r="A1585" s="3">
        <v>1584</v>
      </c>
      <c r="B1585" s="30" t="s">
        <v>613</v>
      </c>
      <c r="C1585" s="27" t="s">
        <v>985</v>
      </c>
      <c r="D1585" s="31">
        <v>27220</v>
      </c>
      <c r="E1585" s="32" t="s">
        <v>968</v>
      </c>
      <c r="F1585" s="32" t="s">
        <v>1096</v>
      </c>
      <c r="G1585" s="27">
        <v>12</v>
      </c>
      <c r="H1585" s="3"/>
      <c r="I1585" s="3"/>
      <c r="J1585" s="3"/>
      <c r="K1585" s="3"/>
      <c r="L1585" s="3"/>
      <c r="M1585" s="3"/>
      <c r="N1585" s="3"/>
      <c r="O1585" s="3"/>
      <c r="P1585" s="3"/>
      <c r="Q1585" s="3"/>
      <c r="R1585" s="3"/>
      <c r="S1585" s="3"/>
      <c r="T1585" s="3"/>
      <c r="U1585" s="3"/>
      <c r="V1585" s="3"/>
      <c r="W1585" s="3"/>
      <c r="X1585" s="3"/>
      <c r="Y1585" s="3"/>
      <c r="Z1585" s="3"/>
      <c r="AA1585" s="3"/>
      <c r="AB1585" s="3"/>
      <c r="AC1585" s="3"/>
      <c r="AD1585" s="3"/>
      <c r="AE1585" s="3"/>
      <c r="AF1585" s="3"/>
      <c r="AG1585" s="3"/>
      <c r="AH1585" s="3"/>
      <c r="AI1585" s="3"/>
      <c r="AJ1585" s="3"/>
      <c r="AK1585" s="3"/>
      <c r="AL1585" s="3"/>
      <c r="AM1585" s="3"/>
      <c r="AN1585" s="3"/>
      <c r="AO1585" s="3"/>
      <c r="AP1585" s="3"/>
      <c r="AQ1585" s="3"/>
      <c r="AR1585" s="3"/>
      <c r="AS1585" s="3"/>
      <c r="AT1585" s="3"/>
    </row>
    <row r="1586" spans="1:46" ht="13.5" customHeight="1" x14ac:dyDescent="0.15">
      <c r="A1586" s="3">
        <v>1585</v>
      </c>
      <c r="B1586" s="30" t="s">
        <v>613</v>
      </c>
      <c r="C1586" s="27" t="s">
        <v>2115</v>
      </c>
      <c r="D1586" s="31">
        <v>27240</v>
      </c>
      <c r="E1586" s="32" t="s">
        <v>245</v>
      </c>
      <c r="F1586" s="32" t="s">
        <v>2287</v>
      </c>
      <c r="G1586" s="27">
        <v>7</v>
      </c>
      <c r="H1586" s="3"/>
      <c r="I1586" s="3"/>
      <c r="J1586" s="3"/>
      <c r="K1586" s="3"/>
      <c r="L1586" s="3"/>
      <c r="M1586" s="3"/>
      <c r="N1586" s="3"/>
      <c r="O1586" s="3"/>
      <c r="P1586" s="3"/>
      <c r="Q1586" s="3"/>
      <c r="R1586" s="3"/>
      <c r="S1586" s="3"/>
      <c r="T1586" s="3"/>
      <c r="U1586" s="3"/>
      <c r="V1586" s="3"/>
      <c r="W1586" s="3"/>
      <c r="X1586" s="3"/>
      <c r="Y1586" s="3"/>
      <c r="Z1586" s="3"/>
      <c r="AA1586" s="3"/>
      <c r="AB1586" s="3"/>
      <c r="AC1586" s="3"/>
      <c r="AD1586" s="3"/>
      <c r="AE1586" s="3"/>
      <c r="AF1586" s="3"/>
      <c r="AG1586" s="3"/>
      <c r="AH1586" s="3"/>
      <c r="AI1586" s="3"/>
      <c r="AJ1586" s="3"/>
      <c r="AK1586" s="3"/>
      <c r="AL1586" s="3"/>
      <c r="AM1586" s="3"/>
      <c r="AN1586" s="3"/>
      <c r="AO1586" s="3"/>
      <c r="AP1586" s="3"/>
      <c r="AQ1586" s="3"/>
      <c r="AR1586" s="3"/>
      <c r="AS1586" s="3"/>
      <c r="AT1586" s="3"/>
    </row>
    <row r="1587" spans="1:46" ht="13.5" customHeight="1" x14ac:dyDescent="0.15">
      <c r="A1587" s="3">
        <v>1586</v>
      </c>
      <c r="B1587" s="30" t="s">
        <v>613</v>
      </c>
      <c r="C1587" s="27" t="s">
        <v>985</v>
      </c>
      <c r="D1587" s="31">
        <v>27470</v>
      </c>
      <c r="E1587" s="32" t="s">
        <v>1791</v>
      </c>
      <c r="F1587" s="32" t="s">
        <v>859</v>
      </c>
      <c r="G1587" s="27">
        <v>9</v>
      </c>
      <c r="H1587" s="2">
        <v>1</v>
      </c>
    </row>
    <row r="1588" spans="1:46" ht="13.5" customHeight="1" x14ac:dyDescent="0.15">
      <c r="A1588" s="3">
        <v>1587</v>
      </c>
      <c r="B1588" s="30" t="s">
        <v>613</v>
      </c>
      <c r="C1588" s="27" t="s">
        <v>985</v>
      </c>
      <c r="D1588" s="31">
        <v>27610</v>
      </c>
      <c r="E1588" s="32" t="s">
        <v>1795</v>
      </c>
      <c r="F1588" s="32" t="s">
        <v>722</v>
      </c>
      <c r="G1588" s="27">
        <v>5</v>
      </c>
      <c r="H1588" s="3"/>
      <c r="I1588" s="3"/>
      <c r="J1588" s="3"/>
      <c r="K1588" s="3"/>
      <c r="L1588" s="3"/>
      <c r="M1588" s="3"/>
      <c r="N1588" s="3"/>
      <c r="O1588" s="3"/>
      <c r="P1588" s="3"/>
      <c r="Q1588" s="3"/>
      <c r="R1588" s="3"/>
      <c r="S1588" s="3"/>
      <c r="T1588" s="3"/>
      <c r="U1588" s="3"/>
      <c r="V1588" s="3"/>
      <c r="W1588" s="3"/>
      <c r="X1588" s="3"/>
      <c r="Y1588" s="3"/>
      <c r="Z1588" s="3"/>
      <c r="AA1588" s="3"/>
      <c r="AB1588" s="3"/>
      <c r="AC1588" s="3"/>
      <c r="AD1588" s="3"/>
      <c r="AE1588" s="3"/>
      <c r="AF1588" s="3"/>
      <c r="AG1588" s="3"/>
      <c r="AH1588" s="3"/>
      <c r="AI1588" s="3"/>
      <c r="AJ1588" s="3"/>
      <c r="AK1588" s="3"/>
      <c r="AL1588" s="3"/>
      <c r="AM1588" s="3"/>
      <c r="AN1588" s="3"/>
      <c r="AO1588" s="3"/>
      <c r="AP1588" s="3"/>
      <c r="AQ1588" s="3"/>
      <c r="AR1588" s="3"/>
      <c r="AS1588" s="3"/>
      <c r="AT1588" s="3"/>
    </row>
    <row r="1589" spans="1:46" ht="13.5" customHeight="1" x14ac:dyDescent="0.15">
      <c r="A1589" s="3">
        <v>1588</v>
      </c>
      <c r="B1589" s="30" t="s">
        <v>613</v>
      </c>
      <c r="C1589" s="27" t="s">
        <v>985</v>
      </c>
      <c r="D1589" s="31">
        <v>27640</v>
      </c>
      <c r="E1589" s="32" t="s">
        <v>1797</v>
      </c>
      <c r="F1589" s="32" t="s">
        <v>3207</v>
      </c>
      <c r="G1589" s="27">
        <v>6</v>
      </c>
      <c r="H1589" s="3"/>
      <c r="I1589" s="3"/>
      <c r="J1589" s="3"/>
      <c r="K1589" s="3"/>
      <c r="L1589" s="3"/>
      <c r="M1589" s="3"/>
      <c r="N1589" s="3"/>
      <c r="O1589" s="3"/>
      <c r="P1589" s="3"/>
      <c r="Q1589" s="3"/>
      <c r="R1589" s="3"/>
      <c r="S1589" s="3"/>
      <c r="T1589" s="3"/>
      <c r="U1589" s="3"/>
      <c r="V1589" s="3"/>
      <c r="W1589" s="3"/>
      <c r="X1589" s="3"/>
      <c r="Y1589" s="3"/>
      <c r="Z1589" s="3"/>
      <c r="AA1589" s="3"/>
      <c r="AB1589" s="3"/>
      <c r="AC1589" s="3"/>
      <c r="AD1589" s="3"/>
      <c r="AE1589" s="3"/>
      <c r="AF1589" s="3"/>
      <c r="AG1589" s="3"/>
      <c r="AH1589" s="3"/>
      <c r="AI1589" s="3"/>
      <c r="AJ1589" s="3"/>
      <c r="AK1589" s="3"/>
      <c r="AL1589" s="3"/>
      <c r="AM1589" s="3"/>
      <c r="AN1589" s="3"/>
      <c r="AO1589" s="3"/>
      <c r="AP1589" s="3"/>
      <c r="AQ1589" s="3"/>
      <c r="AR1589" s="3"/>
      <c r="AS1589" s="3"/>
      <c r="AT1589" s="3"/>
    </row>
    <row r="1590" spans="1:46" ht="13.5" customHeight="1" x14ac:dyDescent="0.15">
      <c r="A1590" s="3">
        <v>1589</v>
      </c>
      <c r="B1590" s="30" t="s">
        <v>613</v>
      </c>
      <c r="C1590" s="27" t="s">
        <v>985</v>
      </c>
      <c r="D1590" s="31">
        <v>28100</v>
      </c>
      <c r="E1590" s="32" t="s">
        <v>185</v>
      </c>
      <c r="F1590" s="32" t="s">
        <v>104</v>
      </c>
      <c r="G1590" s="27">
        <v>6</v>
      </c>
      <c r="H1590" s="3"/>
      <c r="I1590" s="3"/>
      <c r="J1590" s="3"/>
      <c r="K1590" s="3"/>
      <c r="L1590" s="3"/>
      <c r="M1590" s="3"/>
      <c r="N1590" s="3"/>
      <c r="O1590" s="3"/>
      <c r="P1590" s="3"/>
      <c r="Q1590" s="3"/>
      <c r="R1590" s="3"/>
      <c r="S1590" s="3"/>
      <c r="T1590" s="3"/>
      <c r="U1590" s="3"/>
      <c r="V1590" s="3"/>
      <c r="W1590" s="3"/>
      <c r="X1590" s="3"/>
      <c r="Y1590" s="3"/>
      <c r="Z1590" s="3"/>
      <c r="AA1590" s="3"/>
      <c r="AB1590" s="3"/>
      <c r="AC1590" s="3"/>
      <c r="AD1590" s="3"/>
      <c r="AE1590" s="3"/>
      <c r="AF1590" s="3"/>
      <c r="AG1590" s="3"/>
      <c r="AH1590" s="3"/>
      <c r="AI1590" s="3"/>
      <c r="AJ1590" s="3"/>
      <c r="AK1590" s="3"/>
      <c r="AL1590" s="3"/>
      <c r="AM1590" s="3"/>
      <c r="AN1590" s="3"/>
      <c r="AO1590" s="3"/>
      <c r="AP1590" s="3"/>
      <c r="AQ1590" s="3"/>
      <c r="AR1590" s="3"/>
      <c r="AS1590" s="3"/>
      <c r="AT1590" s="3"/>
    </row>
    <row r="1591" spans="1:46" ht="13.5" customHeight="1" x14ac:dyDescent="0.15">
      <c r="A1591" s="3">
        <v>1590</v>
      </c>
      <c r="B1591" s="30" t="s">
        <v>613</v>
      </c>
      <c r="C1591" s="27" t="s">
        <v>985</v>
      </c>
      <c r="D1591" s="31">
        <v>28360</v>
      </c>
      <c r="E1591" s="32" t="s">
        <v>158</v>
      </c>
      <c r="F1591" s="32" t="s">
        <v>721</v>
      </c>
      <c r="G1591" s="27">
        <v>12</v>
      </c>
      <c r="H1591" s="3"/>
      <c r="I1591" s="3"/>
      <c r="J1591" s="3"/>
      <c r="K1591" s="3"/>
      <c r="L1591" s="3"/>
      <c r="M1591" s="3"/>
      <c r="N1591" s="3"/>
      <c r="O1591" s="3"/>
      <c r="P1591" s="3"/>
      <c r="Q1591" s="3"/>
      <c r="R1591" s="3"/>
      <c r="S1591" s="3"/>
      <c r="T1591" s="3"/>
      <c r="U1591" s="3"/>
      <c r="V1591" s="3"/>
      <c r="W1591" s="3"/>
      <c r="X1591" s="3"/>
      <c r="Y1591" s="3"/>
      <c r="Z1591" s="3"/>
      <c r="AA1591" s="3"/>
      <c r="AB1591" s="3"/>
      <c r="AC1591" s="3"/>
      <c r="AD1591" s="3"/>
      <c r="AE1591" s="3"/>
      <c r="AF1591" s="3"/>
      <c r="AG1591" s="3"/>
      <c r="AH1591" s="3"/>
      <c r="AI1591" s="3"/>
      <c r="AJ1591" s="3"/>
      <c r="AK1591" s="3"/>
      <c r="AL1591" s="3"/>
      <c r="AM1591" s="3"/>
      <c r="AN1591" s="3"/>
      <c r="AO1591" s="3"/>
      <c r="AP1591" s="3"/>
      <c r="AQ1591" s="3"/>
      <c r="AR1591" s="3"/>
      <c r="AS1591" s="3"/>
      <c r="AT1591" s="3"/>
    </row>
    <row r="1592" spans="1:46" ht="13.5" customHeight="1" x14ac:dyDescent="0.15">
      <c r="A1592" s="3">
        <v>1591</v>
      </c>
      <c r="B1592" s="30" t="s">
        <v>613</v>
      </c>
      <c r="C1592" s="27" t="s">
        <v>985</v>
      </c>
      <c r="D1592" s="31">
        <v>31080</v>
      </c>
      <c r="E1592" s="32" t="s">
        <v>1454</v>
      </c>
      <c r="F1592" s="32" t="s">
        <v>1365</v>
      </c>
      <c r="G1592" s="27">
        <v>6</v>
      </c>
      <c r="H1592" s="3"/>
      <c r="I1592" s="3"/>
      <c r="J1592" s="3"/>
      <c r="K1592" s="3"/>
      <c r="L1592" s="3"/>
      <c r="M1592" s="3"/>
      <c r="N1592" s="3"/>
      <c r="O1592" s="3"/>
      <c r="P1592" s="3"/>
      <c r="Q1592" s="3"/>
      <c r="R1592" s="3"/>
      <c r="S1592" s="3"/>
      <c r="T1592" s="3"/>
      <c r="U1592" s="3"/>
      <c r="V1592" s="3"/>
      <c r="W1592" s="3"/>
      <c r="X1592" s="3"/>
      <c r="Y1592" s="3"/>
      <c r="Z1592" s="3"/>
      <c r="AA1592" s="3"/>
      <c r="AB1592" s="3"/>
      <c r="AC1592" s="3"/>
      <c r="AD1592" s="3"/>
      <c r="AE1592" s="3"/>
      <c r="AF1592" s="3"/>
      <c r="AG1592" s="3"/>
      <c r="AH1592" s="3"/>
      <c r="AI1592" s="3"/>
      <c r="AJ1592" s="3"/>
      <c r="AK1592" s="3"/>
      <c r="AL1592" s="3"/>
      <c r="AM1592" s="3"/>
      <c r="AN1592" s="3"/>
      <c r="AO1592" s="3"/>
      <c r="AP1592" s="3"/>
      <c r="AQ1592" s="3"/>
      <c r="AR1592" s="3"/>
      <c r="AS1592" s="3"/>
      <c r="AT1592" s="3"/>
    </row>
    <row r="1593" spans="1:46" ht="13.5" customHeight="1" x14ac:dyDescent="0.15">
      <c r="A1593" s="3">
        <v>1592</v>
      </c>
      <c r="B1593" s="30" t="s">
        <v>613</v>
      </c>
      <c r="C1593" s="27" t="s">
        <v>985</v>
      </c>
      <c r="D1593" s="31">
        <v>31100</v>
      </c>
      <c r="E1593" s="32" t="s">
        <v>320</v>
      </c>
      <c r="F1593" s="32" t="s">
        <v>1833</v>
      </c>
      <c r="G1593" s="27">
        <v>4</v>
      </c>
      <c r="H1593" s="3"/>
      <c r="I1593" s="3"/>
      <c r="J1593" s="3"/>
      <c r="K1593" s="3"/>
      <c r="L1593" s="3"/>
      <c r="M1593" s="3"/>
      <c r="N1593" s="3"/>
      <c r="O1593" s="3"/>
      <c r="P1593" s="3"/>
      <c r="Q1593" s="3"/>
      <c r="R1593" s="3"/>
      <c r="S1593" s="3"/>
      <c r="T1593" s="3"/>
      <c r="U1593" s="3"/>
      <c r="V1593" s="3"/>
      <c r="W1593" s="3"/>
      <c r="X1593" s="3"/>
      <c r="Y1593" s="3"/>
      <c r="Z1593" s="3"/>
      <c r="AA1593" s="3"/>
      <c r="AB1593" s="3"/>
      <c r="AC1593" s="3"/>
      <c r="AD1593" s="3"/>
      <c r="AE1593" s="3"/>
      <c r="AF1593" s="3"/>
      <c r="AG1593" s="3"/>
      <c r="AH1593" s="3"/>
      <c r="AI1593" s="3"/>
      <c r="AJ1593" s="3"/>
      <c r="AK1593" s="3"/>
      <c r="AL1593" s="3"/>
      <c r="AM1593" s="3"/>
      <c r="AN1593" s="3"/>
      <c r="AO1593" s="3"/>
      <c r="AP1593" s="3"/>
      <c r="AQ1593" s="3"/>
      <c r="AR1593" s="3"/>
      <c r="AS1593" s="3"/>
      <c r="AT1593" s="3"/>
    </row>
    <row r="1594" spans="1:46" ht="13.5" customHeight="1" x14ac:dyDescent="0.15">
      <c r="A1594" s="3">
        <v>1593</v>
      </c>
      <c r="B1594" s="30" t="s">
        <v>613</v>
      </c>
      <c r="C1594" s="27" t="s">
        <v>985</v>
      </c>
      <c r="D1594" s="31">
        <v>31120</v>
      </c>
      <c r="E1594" s="32" t="s">
        <v>321</v>
      </c>
      <c r="F1594" s="32" t="s">
        <v>1840</v>
      </c>
      <c r="G1594" s="27">
        <v>4</v>
      </c>
      <c r="H1594" s="3"/>
      <c r="I1594" s="3"/>
      <c r="J1594" s="3"/>
      <c r="K1594" s="3"/>
      <c r="L1594" s="3"/>
      <c r="M1594" s="3"/>
      <c r="N1594" s="3"/>
      <c r="O1594" s="3"/>
      <c r="P1594" s="3"/>
      <c r="Q1594" s="3"/>
      <c r="R1594" s="3"/>
      <c r="S1594" s="3"/>
      <c r="T1594" s="3"/>
      <c r="U1594" s="3"/>
      <c r="V1594" s="3"/>
      <c r="W1594" s="3"/>
      <c r="X1594" s="3"/>
      <c r="Y1594" s="3"/>
      <c r="Z1594" s="3"/>
      <c r="AA1594" s="3"/>
      <c r="AB1594" s="3"/>
      <c r="AC1594" s="3"/>
      <c r="AD1594" s="3"/>
      <c r="AE1594" s="3"/>
      <c r="AF1594" s="3"/>
      <c r="AG1594" s="3"/>
      <c r="AH1594" s="3"/>
      <c r="AI1594" s="3"/>
      <c r="AJ1594" s="3"/>
      <c r="AK1594" s="3"/>
      <c r="AL1594" s="3"/>
      <c r="AM1594" s="3"/>
      <c r="AN1594" s="3"/>
      <c r="AO1594" s="3"/>
      <c r="AP1594" s="3"/>
      <c r="AQ1594" s="3"/>
      <c r="AR1594" s="3"/>
      <c r="AS1594" s="3"/>
      <c r="AT1594" s="3"/>
    </row>
    <row r="1595" spans="1:46" ht="13.5" customHeight="1" x14ac:dyDescent="0.15">
      <c r="A1595" s="3">
        <v>1594</v>
      </c>
      <c r="B1595" s="30" t="s">
        <v>613</v>
      </c>
      <c r="C1595" s="27" t="s">
        <v>985</v>
      </c>
      <c r="D1595" s="31">
        <v>31130</v>
      </c>
      <c r="E1595" s="32" t="s">
        <v>322</v>
      </c>
      <c r="F1595" s="32" t="s">
        <v>1837</v>
      </c>
      <c r="G1595" s="27">
        <v>4</v>
      </c>
    </row>
    <row r="1596" spans="1:46" ht="13.5" customHeight="1" x14ac:dyDescent="0.15">
      <c r="A1596" s="3">
        <v>1595</v>
      </c>
      <c r="B1596" s="30" t="s">
        <v>613</v>
      </c>
      <c r="C1596" s="27" t="s">
        <v>985</v>
      </c>
      <c r="D1596" s="31">
        <v>31150</v>
      </c>
      <c r="E1596" s="32" t="s">
        <v>343</v>
      </c>
      <c r="F1596" s="32" t="s">
        <v>475</v>
      </c>
      <c r="G1596" s="27">
        <v>3</v>
      </c>
      <c r="H1596" s="3"/>
      <c r="I1596" s="3"/>
      <c r="J1596" s="3"/>
      <c r="K1596" s="3"/>
      <c r="L1596" s="3"/>
      <c r="M1596" s="3"/>
      <c r="N1596" s="3"/>
      <c r="O1596" s="3"/>
      <c r="P1596" s="3"/>
      <c r="Q1596" s="3"/>
      <c r="R1596" s="3"/>
      <c r="S1596" s="3"/>
      <c r="T1596" s="3"/>
      <c r="U1596" s="3"/>
      <c r="V1596" s="3"/>
      <c r="W1596" s="3"/>
      <c r="X1596" s="3"/>
      <c r="Y1596" s="3"/>
      <c r="Z1596" s="3"/>
      <c r="AA1596" s="3"/>
      <c r="AB1596" s="3"/>
      <c r="AC1596" s="3"/>
      <c r="AD1596" s="3"/>
      <c r="AE1596" s="3"/>
      <c r="AF1596" s="3"/>
      <c r="AG1596" s="3"/>
      <c r="AH1596" s="3"/>
      <c r="AI1596" s="3"/>
      <c r="AJ1596" s="3"/>
      <c r="AK1596" s="3"/>
      <c r="AL1596" s="3"/>
      <c r="AM1596" s="3"/>
      <c r="AN1596" s="3"/>
      <c r="AO1596" s="3"/>
      <c r="AP1596" s="3"/>
      <c r="AQ1596" s="3"/>
      <c r="AR1596" s="3"/>
      <c r="AS1596" s="3"/>
      <c r="AT1596" s="3"/>
    </row>
    <row r="1597" spans="1:46" ht="13.5" customHeight="1" x14ac:dyDescent="0.15">
      <c r="A1597" s="3">
        <v>1596</v>
      </c>
      <c r="B1597" s="30" t="s">
        <v>613</v>
      </c>
      <c r="C1597" s="27" t="s">
        <v>985</v>
      </c>
      <c r="D1597" s="31">
        <v>31160</v>
      </c>
      <c r="E1597" s="32" t="s">
        <v>323</v>
      </c>
      <c r="F1597" s="32" t="s">
        <v>2032</v>
      </c>
      <c r="G1597" s="27">
        <v>6</v>
      </c>
      <c r="H1597" s="3"/>
      <c r="I1597" s="3"/>
      <c r="J1597" s="3"/>
      <c r="K1597" s="3"/>
      <c r="L1597" s="3"/>
      <c r="M1597" s="3"/>
      <c r="N1597" s="3"/>
      <c r="O1597" s="3"/>
      <c r="P1597" s="3"/>
      <c r="Q1597" s="3"/>
      <c r="R1597" s="3"/>
      <c r="S1597" s="3"/>
      <c r="T1597" s="3"/>
      <c r="U1597" s="3"/>
      <c r="V1597" s="3"/>
      <c r="W1597" s="3"/>
      <c r="X1597" s="3"/>
      <c r="Y1597" s="3"/>
      <c r="Z1597" s="3"/>
      <c r="AA1597" s="3"/>
      <c r="AB1597" s="3"/>
      <c r="AC1597" s="3"/>
      <c r="AD1597" s="3"/>
      <c r="AE1597" s="3"/>
      <c r="AF1597" s="3"/>
      <c r="AG1597" s="3"/>
      <c r="AH1597" s="3"/>
      <c r="AI1597" s="3"/>
      <c r="AJ1597" s="3"/>
      <c r="AK1597" s="3"/>
      <c r="AL1597" s="3"/>
      <c r="AM1597" s="3"/>
      <c r="AN1597" s="3"/>
      <c r="AO1597" s="3"/>
      <c r="AP1597" s="3"/>
      <c r="AQ1597" s="3"/>
      <c r="AR1597" s="3"/>
      <c r="AS1597" s="3"/>
      <c r="AT1597" s="3"/>
    </row>
    <row r="1598" spans="1:46" ht="13.5" customHeight="1" x14ac:dyDescent="0.15">
      <c r="A1598" s="3">
        <v>1597</v>
      </c>
      <c r="B1598" s="30" t="s">
        <v>613</v>
      </c>
      <c r="C1598" s="27" t="s">
        <v>734</v>
      </c>
      <c r="D1598" s="31">
        <v>32040</v>
      </c>
      <c r="E1598" s="32" t="s">
        <v>1824</v>
      </c>
      <c r="F1598" s="32" t="s">
        <v>474</v>
      </c>
      <c r="G1598" s="27">
        <v>4</v>
      </c>
      <c r="H1598" s="3"/>
      <c r="I1598" s="3"/>
      <c r="J1598" s="3"/>
      <c r="K1598" s="3"/>
      <c r="L1598" s="3"/>
      <c r="M1598" s="3"/>
      <c r="N1598" s="3"/>
      <c r="O1598" s="3"/>
      <c r="P1598" s="3"/>
      <c r="Q1598" s="3"/>
      <c r="R1598" s="3"/>
      <c r="S1598" s="3"/>
      <c r="T1598" s="3"/>
      <c r="U1598" s="3"/>
      <c r="V1598" s="3"/>
      <c r="W1598" s="3"/>
      <c r="X1598" s="3"/>
      <c r="Y1598" s="3"/>
      <c r="Z1598" s="3"/>
      <c r="AA1598" s="3"/>
      <c r="AB1598" s="3"/>
      <c r="AC1598" s="3"/>
      <c r="AD1598" s="3"/>
      <c r="AE1598" s="3"/>
      <c r="AF1598" s="3"/>
      <c r="AG1598" s="3"/>
      <c r="AH1598" s="3"/>
      <c r="AI1598" s="3"/>
      <c r="AJ1598" s="3"/>
      <c r="AK1598" s="3"/>
      <c r="AL1598" s="3"/>
      <c r="AM1598" s="3"/>
      <c r="AN1598" s="3"/>
      <c r="AO1598" s="3"/>
      <c r="AP1598" s="3"/>
      <c r="AQ1598" s="3"/>
      <c r="AR1598" s="3"/>
      <c r="AS1598" s="3"/>
      <c r="AT1598" s="3"/>
    </row>
    <row r="1599" spans="1:46" ht="13.5" customHeight="1" x14ac:dyDescent="0.15">
      <c r="A1599" s="3">
        <v>1598</v>
      </c>
      <c r="B1599" s="30" t="s">
        <v>613</v>
      </c>
      <c r="C1599" s="27" t="s">
        <v>985</v>
      </c>
      <c r="D1599" s="31">
        <v>32050</v>
      </c>
      <c r="E1599" s="32" t="s">
        <v>1825</v>
      </c>
      <c r="F1599" s="32" t="s">
        <v>108</v>
      </c>
      <c r="G1599" s="27">
        <v>6</v>
      </c>
      <c r="H1599" s="3"/>
      <c r="I1599" s="3"/>
      <c r="J1599" s="3"/>
      <c r="K1599" s="3"/>
      <c r="L1599" s="3"/>
      <c r="M1599" s="3"/>
      <c r="N1599" s="3"/>
      <c r="O1599" s="3"/>
      <c r="P1599" s="3"/>
      <c r="Q1599" s="3"/>
      <c r="R1599" s="3"/>
      <c r="S1599" s="3"/>
      <c r="T1599" s="3"/>
      <c r="U1599" s="3"/>
      <c r="V1599" s="3"/>
      <c r="W1599" s="3"/>
      <c r="X1599" s="3"/>
      <c r="Y1599" s="3"/>
      <c r="Z1599" s="3"/>
      <c r="AA1599" s="3"/>
      <c r="AB1599" s="3"/>
      <c r="AC1599" s="3"/>
      <c r="AD1599" s="3"/>
      <c r="AE1599" s="3"/>
      <c r="AF1599" s="3"/>
      <c r="AG1599" s="3"/>
      <c r="AH1599" s="3"/>
      <c r="AI1599" s="3"/>
      <c r="AJ1599" s="3"/>
      <c r="AK1599" s="3"/>
      <c r="AL1599" s="3"/>
      <c r="AM1599" s="3"/>
      <c r="AN1599" s="3"/>
      <c r="AO1599" s="3"/>
      <c r="AP1599" s="3"/>
      <c r="AQ1599" s="3"/>
      <c r="AR1599" s="3"/>
      <c r="AS1599" s="3"/>
      <c r="AT1599" s="3"/>
    </row>
    <row r="1600" spans="1:46" ht="13.5" customHeight="1" x14ac:dyDescent="0.15">
      <c r="A1600" s="3">
        <v>1599</v>
      </c>
      <c r="B1600" s="30" t="s">
        <v>613</v>
      </c>
      <c r="C1600" s="27" t="s">
        <v>985</v>
      </c>
      <c r="D1600" s="31">
        <v>32060</v>
      </c>
      <c r="E1600" s="32" t="s">
        <v>1826</v>
      </c>
      <c r="F1600" s="32" t="s">
        <v>2570</v>
      </c>
      <c r="G1600" s="27">
        <v>6</v>
      </c>
      <c r="H1600" s="3"/>
      <c r="I1600" s="3"/>
      <c r="J1600" s="3"/>
      <c r="K1600" s="3"/>
      <c r="L1600" s="3"/>
      <c r="M1600" s="3"/>
      <c r="N1600" s="3"/>
      <c r="O1600" s="3"/>
      <c r="P1600" s="3"/>
      <c r="Q1600" s="3"/>
      <c r="R1600" s="3"/>
      <c r="S1600" s="3"/>
      <c r="T1600" s="3"/>
      <c r="U1600" s="3"/>
      <c r="V1600" s="3"/>
      <c r="W1600" s="3"/>
      <c r="X1600" s="3"/>
      <c r="Y1600" s="3"/>
      <c r="Z1600" s="3"/>
      <c r="AA1600" s="3"/>
      <c r="AB1600" s="3"/>
      <c r="AC1600" s="3"/>
      <c r="AD1600" s="3"/>
      <c r="AE1600" s="3"/>
      <c r="AF1600" s="3"/>
      <c r="AG1600" s="3"/>
      <c r="AH1600" s="3"/>
      <c r="AI1600" s="3"/>
      <c r="AJ1600" s="3"/>
      <c r="AK1600" s="3"/>
      <c r="AL1600" s="3"/>
      <c r="AM1600" s="3"/>
      <c r="AN1600" s="3"/>
      <c r="AO1600" s="3"/>
      <c r="AP1600" s="3"/>
      <c r="AQ1600" s="3"/>
      <c r="AR1600" s="3"/>
      <c r="AS1600" s="3"/>
      <c r="AT1600" s="3"/>
    </row>
    <row r="1601" spans="1:46" ht="13.5" customHeight="1" x14ac:dyDescent="0.15">
      <c r="A1601" s="3">
        <v>1600</v>
      </c>
      <c r="B1601" s="30" t="s">
        <v>613</v>
      </c>
      <c r="C1601" s="27" t="s">
        <v>985</v>
      </c>
      <c r="D1601" s="31">
        <v>32080</v>
      </c>
      <c r="E1601" s="32" t="s">
        <v>1827</v>
      </c>
      <c r="F1601" s="32" t="s">
        <v>435</v>
      </c>
      <c r="G1601" s="27">
        <v>10</v>
      </c>
      <c r="H1601" s="3"/>
      <c r="I1601" s="3"/>
      <c r="J1601" s="3"/>
      <c r="K1601" s="3"/>
      <c r="L1601" s="3"/>
      <c r="M1601" s="3"/>
      <c r="N1601" s="3"/>
      <c r="O1601" s="3"/>
      <c r="P1601" s="3"/>
      <c r="Q1601" s="3"/>
      <c r="R1601" s="3"/>
      <c r="S1601" s="3"/>
      <c r="T1601" s="3"/>
      <c r="U1601" s="3"/>
      <c r="V1601" s="3"/>
      <c r="W1601" s="3"/>
      <c r="X1601" s="3"/>
      <c r="Y1601" s="3"/>
      <c r="Z1601" s="3"/>
      <c r="AA1601" s="3"/>
      <c r="AB1601" s="3"/>
      <c r="AC1601" s="3"/>
      <c r="AD1601" s="3"/>
      <c r="AE1601" s="3"/>
      <c r="AF1601" s="3"/>
      <c r="AG1601" s="3"/>
      <c r="AH1601" s="3"/>
      <c r="AI1601" s="3"/>
      <c r="AJ1601" s="3"/>
      <c r="AK1601" s="3"/>
      <c r="AL1601" s="3"/>
      <c r="AM1601" s="3"/>
      <c r="AN1601" s="3"/>
      <c r="AO1601" s="3"/>
      <c r="AP1601" s="3"/>
      <c r="AQ1601" s="3"/>
      <c r="AR1601" s="3"/>
      <c r="AS1601" s="3"/>
      <c r="AT1601" s="3"/>
    </row>
    <row r="1602" spans="1:46" ht="13.5" customHeight="1" x14ac:dyDescent="0.15">
      <c r="A1602" s="3">
        <v>1601</v>
      </c>
      <c r="B1602" s="30" t="s">
        <v>613</v>
      </c>
      <c r="C1602" s="27" t="s">
        <v>985</v>
      </c>
      <c r="D1602" s="31">
        <v>33020</v>
      </c>
      <c r="E1602" s="32" t="s">
        <v>230</v>
      </c>
      <c r="F1602" s="32" t="s">
        <v>1097</v>
      </c>
      <c r="G1602" s="27">
        <v>6</v>
      </c>
      <c r="H1602" s="3"/>
      <c r="I1602" s="3"/>
      <c r="J1602" s="3"/>
      <c r="K1602" s="3"/>
      <c r="L1602" s="3"/>
      <c r="M1602" s="3"/>
      <c r="N1602" s="3"/>
      <c r="O1602" s="3"/>
      <c r="P1602" s="3"/>
      <c r="Q1602" s="3"/>
      <c r="R1602" s="3"/>
      <c r="S1602" s="3"/>
      <c r="T1602" s="3"/>
      <c r="U1602" s="3"/>
      <c r="V1602" s="3"/>
      <c r="W1602" s="3"/>
      <c r="X1602" s="3"/>
      <c r="Y1602" s="3"/>
      <c r="Z1602" s="3"/>
      <c r="AA1602" s="3"/>
      <c r="AB1602" s="3"/>
      <c r="AC1602" s="3"/>
      <c r="AD1602" s="3"/>
      <c r="AE1602" s="3"/>
      <c r="AF1602" s="3"/>
      <c r="AG1602" s="3"/>
      <c r="AH1602" s="3"/>
      <c r="AI1602" s="3"/>
      <c r="AJ1602" s="3"/>
      <c r="AK1602" s="3"/>
      <c r="AL1602" s="3"/>
      <c r="AM1602" s="3"/>
      <c r="AN1602" s="3"/>
      <c r="AO1602" s="3"/>
      <c r="AP1602" s="3"/>
      <c r="AQ1602" s="3"/>
      <c r="AR1602" s="3"/>
      <c r="AS1602" s="3"/>
      <c r="AT1602" s="3"/>
    </row>
    <row r="1603" spans="1:46" ht="13.5" customHeight="1" x14ac:dyDescent="0.15">
      <c r="A1603" s="3">
        <v>1602</v>
      </c>
      <c r="B1603" s="30" t="s">
        <v>613</v>
      </c>
      <c r="C1603" s="27" t="s">
        <v>985</v>
      </c>
      <c r="D1603" s="31">
        <v>33500</v>
      </c>
      <c r="E1603" s="32" t="s">
        <v>3122</v>
      </c>
      <c r="F1603" s="32" t="s">
        <v>112</v>
      </c>
      <c r="G1603" s="27">
        <v>12</v>
      </c>
      <c r="H1603" s="3"/>
      <c r="I1603" s="3"/>
      <c r="J1603" s="3"/>
      <c r="K1603" s="3"/>
      <c r="L1603" s="3"/>
      <c r="M1603" s="3"/>
      <c r="N1603" s="3"/>
      <c r="O1603" s="3"/>
      <c r="P1603" s="3"/>
      <c r="Q1603" s="3"/>
      <c r="R1603" s="3"/>
      <c r="S1603" s="3"/>
      <c r="T1603" s="3"/>
      <c r="U1603" s="3"/>
      <c r="V1603" s="3"/>
      <c r="W1603" s="3"/>
      <c r="X1603" s="3"/>
      <c r="Y1603" s="3"/>
      <c r="Z1603" s="3"/>
      <c r="AA1603" s="3"/>
      <c r="AB1603" s="3"/>
      <c r="AC1603" s="3"/>
      <c r="AD1603" s="3"/>
      <c r="AE1603" s="3"/>
      <c r="AF1603" s="3"/>
      <c r="AG1603" s="3"/>
      <c r="AH1603" s="3"/>
      <c r="AI1603" s="3"/>
      <c r="AJ1603" s="3"/>
      <c r="AK1603" s="3"/>
      <c r="AL1603" s="3"/>
      <c r="AM1603" s="3"/>
      <c r="AN1603" s="3"/>
      <c r="AO1603" s="3"/>
      <c r="AP1603" s="3"/>
      <c r="AQ1603" s="3"/>
      <c r="AR1603" s="3"/>
      <c r="AS1603" s="3"/>
      <c r="AT1603" s="3"/>
    </row>
    <row r="1604" spans="1:46" ht="13.5" customHeight="1" x14ac:dyDescent="0.15">
      <c r="A1604" s="3">
        <v>1603</v>
      </c>
      <c r="B1604" s="30" t="s">
        <v>613</v>
      </c>
      <c r="C1604" s="27" t="s">
        <v>985</v>
      </c>
      <c r="D1604" s="31">
        <v>34330</v>
      </c>
      <c r="E1604" s="32" t="s">
        <v>396</v>
      </c>
      <c r="F1604" s="32" t="s">
        <v>1510</v>
      </c>
      <c r="G1604" s="27">
        <v>6</v>
      </c>
      <c r="H1604" s="3"/>
      <c r="I1604" s="3"/>
      <c r="J1604" s="3"/>
      <c r="K1604" s="3"/>
      <c r="L1604" s="3"/>
      <c r="M1604" s="3"/>
      <c r="N1604" s="3"/>
      <c r="O1604" s="3"/>
      <c r="P1604" s="3"/>
      <c r="Q1604" s="3"/>
      <c r="R1604" s="3"/>
      <c r="S1604" s="3"/>
      <c r="T1604" s="3"/>
      <c r="U1604" s="3"/>
      <c r="V1604" s="3"/>
      <c r="W1604" s="3"/>
      <c r="X1604" s="3"/>
      <c r="Y1604" s="3"/>
      <c r="Z1604" s="3"/>
      <c r="AA1604" s="3"/>
      <c r="AB1604" s="3"/>
      <c r="AC1604" s="3"/>
      <c r="AD1604" s="3"/>
      <c r="AE1604" s="3"/>
      <c r="AF1604" s="3"/>
      <c r="AG1604" s="3"/>
      <c r="AH1604" s="3"/>
      <c r="AI1604" s="3"/>
      <c r="AJ1604" s="3"/>
      <c r="AK1604" s="3"/>
      <c r="AL1604" s="3"/>
      <c r="AM1604" s="3"/>
      <c r="AN1604" s="3"/>
      <c r="AO1604" s="3"/>
      <c r="AP1604" s="3"/>
      <c r="AQ1604" s="3"/>
      <c r="AR1604" s="3"/>
      <c r="AS1604" s="3"/>
      <c r="AT1604" s="3"/>
    </row>
    <row r="1605" spans="1:46" ht="13.5" customHeight="1" x14ac:dyDescent="0.15">
      <c r="A1605" s="3">
        <v>1604</v>
      </c>
      <c r="B1605" s="30" t="s">
        <v>613</v>
      </c>
      <c r="C1605" s="27" t="s">
        <v>985</v>
      </c>
      <c r="D1605" s="31">
        <v>34840</v>
      </c>
      <c r="E1605" s="32" t="s">
        <v>892</v>
      </c>
      <c r="F1605" s="32" t="s">
        <v>1589</v>
      </c>
      <c r="G1605" s="27">
        <v>5</v>
      </c>
      <c r="H1605" s="3"/>
      <c r="I1605" s="3"/>
      <c r="J1605" s="3"/>
      <c r="K1605" s="3"/>
      <c r="L1605" s="3"/>
      <c r="M1605" s="3"/>
      <c r="N1605" s="3"/>
      <c r="O1605" s="3"/>
      <c r="P1605" s="3"/>
      <c r="Q1605" s="3"/>
      <c r="R1605" s="3"/>
      <c r="S1605" s="3"/>
      <c r="T1605" s="3"/>
      <c r="U1605" s="3"/>
      <c r="V1605" s="3"/>
      <c r="W1605" s="3"/>
      <c r="X1605" s="3"/>
      <c r="Y1605" s="3"/>
      <c r="Z1605" s="3"/>
      <c r="AA1605" s="3"/>
      <c r="AB1605" s="3"/>
      <c r="AC1605" s="3"/>
      <c r="AD1605" s="3"/>
      <c r="AE1605" s="3"/>
      <c r="AF1605" s="3"/>
      <c r="AG1605" s="3"/>
      <c r="AH1605" s="3"/>
      <c r="AI1605" s="3"/>
      <c r="AJ1605" s="3"/>
      <c r="AK1605" s="3"/>
      <c r="AL1605" s="3"/>
      <c r="AM1605" s="3"/>
      <c r="AN1605" s="3"/>
      <c r="AO1605" s="3"/>
      <c r="AP1605" s="3"/>
      <c r="AQ1605" s="3"/>
      <c r="AR1605" s="3"/>
      <c r="AS1605" s="3"/>
      <c r="AT1605" s="3"/>
    </row>
    <row r="1606" spans="1:46" ht="13.5" customHeight="1" x14ac:dyDescent="0.15">
      <c r="A1606" s="3">
        <v>1605</v>
      </c>
      <c r="B1606" s="30" t="s">
        <v>613</v>
      </c>
      <c r="C1606" s="27" t="s">
        <v>985</v>
      </c>
      <c r="D1606" s="31">
        <v>35130</v>
      </c>
      <c r="E1606" s="32" t="s">
        <v>1998</v>
      </c>
      <c r="F1606" s="32" t="s">
        <v>1446</v>
      </c>
      <c r="G1606" s="27">
        <v>6</v>
      </c>
      <c r="H1606" s="3"/>
      <c r="I1606" s="3"/>
      <c r="J1606" s="3"/>
      <c r="K1606" s="3"/>
      <c r="L1606" s="3"/>
      <c r="M1606" s="3"/>
      <c r="N1606" s="3"/>
      <c r="O1606" s="3"/>
      <c r="P1606" s="3"/>
      <c r="Q1606" s="3"/>
      <c r="R1606" s="3"/>
      <c r="S1606" s="3"/>
      <c r="T1606" s="3"/>
      <c r="U1606" s="3"/>
      <c r="V1606" s="3"/>
      <c r="W1606" s="3"/>
      <c r="X1606" s="3"/>
      <c r="Y1606" s="3"/>
      <c r="Z1606" s="3"/>
      <c r="AA1606" s="3"/>
      <c r="AB1606" s="3"/>
      <c r="AC1606" s="3"/>
      <c r="AD1606" s="3"/>
      <c r="AE1606" s="3"/>
      <c r="AF1606" s="3"/>
      <c r="AG1606" s="3"/>
      <c r="AH1606" s="3"/>
      <c r="AI1606" s="3"/>
      <c r="AJ1606" s="3"/>
      <c r="AK1606" s="3"/>
      <c r="AL1606" s="3"/>
      <c r="AM1606" s="3"/>
      <c r="AN1606" s="3"/>
      <c r="AO1606" s="3"/>
      <c r="AP1606" s="3"/>
      <c r="AQ1606" s="3"/>
      <c r="AR1606" s="3"/>
      <c r="AS1606" s="3"/>
      <c r="AT1606" s="3"/>
    </row>
    <row r="1607" spans="1:46" ht="13.5" customHeight="1" x14ac:dyDescent="0.15">
      <c r="A1607" s="3">
        <v>1606</v>
      </c>
      <c r="B1607" s="30" t="s">
        <v>613</v>
      </c>
      <c r="C1607" s="27" t="s">
        <v>985</v>
      </c>
      <c r="D1607" s="31">
        <v>35150</v>
      </c>
      <c r="E1607" s="32" t="s">
        <v>1999</v>
      </c>
      <c r="F1607" s="32" t="s">
        <v>1834</v>
      </c>
      <c r="G1607" s="27">
        <v>3</v>
      </c>
    </row>
    <row r="1608" spans="1:46" ht="13.5" customHeight="1" x14ac:dyDescent="0.15">
      <c r="A1608" s="3">
        <v>1607</v>
      </c>
      <c r="B1608" s="30" t="s">
        <v>613</v>
      </c>
      <c r="C1608" s="27" t="s">
        <v>985</v>
      </c>
      <c r="D1608" s="31">
        <v>38690</v>
      </c>
      <c r="E1608" s="32" t="s">
        <v>3014</v>
      </c>
      <c r="F1608" s="32" t="s">
        <v>1546</v>
      </c>
      <c r="G1608" s="27">
        <v>5</v>
      </c>
      <c r="H1608" s="3"/>
      <c r="I1608" s="3"/>
      <c r="J1608" s="3"/>
      <c r="K1608" s="3"/>
      <c r="L1608" s="3"/>
      <c r="M1608" s="3"/>
      <c r="N1608" s="3"/>
      <c r="O1608" s="3"/>
      <c r="P1608" s="3"/>
      <c r="Q1608" s="3"/>
      <c r="R1608" s="3"/>
      <c r="S1608" s="3"/>
      <c r="T1608" s="3"/>
      <c r="U1608" s="3"/>
      <c r="V1608" s="3"/>
      <c r="W1608" s="3"/>
      <c r="X1608" s="3"/>
      <c r="Y1608" s="3"/>
      <c r="Z1608" s="3"/>
      <c r="AA1608" s="3"/>
      <c r="AB1608" s="3"/>
      <c r="AC1608" s="3"/>
      <c r="AD1608" s="3"/>
      <c r="AE1608" s="3"/>
      <c r="AF1608" s="3"/>
      <c r="AG1608" s="3"/>
      <c r="AH1608" s="3"/>
      <c r="AI1608" s="3"/>
      <c r="AJ1608" s="3"/>
      <c r="AK1608" s="3"/>
      <c r="AL1608" s="3"/>
      <c r="AM1608" s="3"/>
      <c r="AN1608" s="3"/>
      <c r="AO1608" s="3"/>
      <c r="AP1608" s="3"/>
      <c r="AQ1608" s="3"/>
      <c r="AR1608" s="3"/>
      <c r="AS1608" s="3"/>
      <c r="AT1608" s="3"/>
    </row>
    <row r="1609" spans="1:46" ht="13.5" customHeight="1" x14ac:dyDescent="0.15">
      <c r="A1609" s="3">
        <v>1608</v>
      </c>
      <c r="B1609" s="30" t="s">
        <v>613</v>
      </c>
      <c r="C1609" s="27" t="s">
        <v>2115</v>
      </c>
      <c r="D1609" s="31">
        <v>39080</v>
      </c>
      <c r="E1609" s="32" t="s">
        <v>3025</v>
      </c>
      <c r="F1609" s="32" t="s">
        <v>111</v>
      </c>
      <c r="G1609" s="27">
        <v>10</v>
      </c>
    </row>
    <row r="1610" spans="1:46" ht="13.5" customHeight="1" x14ac:dyDescent="0.15">
      <c r="A1610" s="3">
        <v>1609</v>
      </c>
      <c r="B1610" s="26" t="s">
        <v>613</v>
      </c>
      <c r="C1610" s="27" t="s">
        <v>884</v>
      </c>
      <c r="D1610" s="33">
        <v>39900</v>
      </c>
      <c r="E1610" s="29" t="s">
        <v>3049</v>
      </c>
      <c r="F1610" s="32" t="s">
        <v>50</v>
      </c>
      <c r="G1610" s="27">
        <v>12</v>
      </c>
      <c r="H1610" s="3"/>
      <c r="I1610" s="3"/>
      <c r="J1610" s="3"/>
      <c r="K1610" s="3"/>
      <c r="L1610" s="3"/>
      <c r="M1610" s="3"/>
      <c r="N1610" s="3"/>
      <c r="O1610" s="3"/>
      <c r="P1610" s="3"/>
      <c r="Q1610" s="3"/>
      <c r="R1610" s="3"/>
      <c r="S1610" s="3"/>
      <c r="T1610" s="3"/>
      <c r="U1610" s="3"/>
      <c r="V1610" s="3"/>
      <c r="W1610" s="3"/>
      <c r="X1610" s="3"/>
      <c r="Y1610" s="3"/>
      <c r="Z1610" s="3"/>
      <c r="AA1610" s="3"/>
      <c r="AB1610" s="3"/>
      <c r="AC1610" s="3"/>
      <c r="AD1610" s="3"/>
      <c r="AE1610" s="3"/>
      <c r="AF1610" s="3"/>
      <c r="AG1610" s="3"/>
      <c r="AH1610" s="3"/>
      <c r="AI1610" s="3"/>
      <c r="AJ1610" s="3"/>
      <c r="AK1610" s="3"/>
      <c r="AL1610" s="3"/>
      <c r="AM1610" s="3"/>
      <c r="AN1610" s="3"/>
      <c r="AO1610" s="3"/>
      <c r="AP1610" s="3"/>
      <c r="AQ1610" s="3"/>
      <c r="AR1610" s="3"/>
      <c r="AS1610" s="3"/>
      <c r="AT1610" s="3"/>
    </row>
    <row r="1611" spans="1:46" ht="13.5" customHeight="1" x14ac:dyDescent="0.15">
      <c r="A1611" s="3">
        <v>1610</v>
      </c>
      <c r="B1611" s="30" t="s">
        <v>613</v>
      </c>
      <c r="C1611" s="27" t="s">
        <v>985</v>
      </c>
      <c r="D1611" s="31">
        <v>40050</v>
      </c>
      <c r="E1611" s="32" t="s">
        <v>2174</v>
      </c>
      <c r="F1611" s="32" t="s">
        <v>2175</v>
      </c>
      <c r="G1611" s="27">
        <v>12</v>
      </c>
      <c r="H1611" s="3"/>
      <c r="I1611" s="3"/>
      <c r="J1611" s="3"/>
      <c r="K1611" s="3"/>
      <c r="L1611" s="3"/>
      <c r="M1611" s="3"/>
      <c r="N1611" s="3"/>
      <c r="O1611" s="3"/>
      <c r="P1611" s="3"/>
      <c r="Q1611" s="3"/>
      <c r="R1611" s="3"/>
      <c r="S1611" s="3"/>
      <c r="T1611" s="3"/>
      <c r="U1611" s="3"/>
      <c r="V1611" s="3"/>
      <c r="W1611" s="3"/>
      <c r="X1611" s="3"/>
      <c r="Y1611" s="3"/>
      <c r="Z1611" s="3"/>
      <c r="AA1611" s="3"/>
      <c r="AB1611" s="3"/>
      <c r="AC1611" s="3"/>
      <c r="AD1611" s="3"/>
      <c r="AE1611" s="3"/>
      <c r="AF1611" s="3"/>
      <c r="AG1611" s="3"/>
      <c r="AH1611" s="3"/>
      <c r="AI1611" s="3"/>
      <c r="AJ1611" s="3"/>
      <c r="AK1611" s="3"/>
      <c r="AL1611" s="3"/>
      <c r="AM1611" s="3"/>
      <c r="AN1611" s="3"/>
      <c r="AO1611" s="3"/>
      <c r="AP1611" s="3"/>
      <c r="AQ1611" s="3"/>
      <c r="AR1611" s="3"/>
      <c r="AS1611" s="3"/>
      <c r="AT1611" s="3"/>
    </row>
    <row r="1612" spans="1:46" ht="13.5" customHeight="1" x14ac:dyDescent="0.15">
      <c r="A1612" s="3">
        <v>1611</v>
      </c>
      <c r="B1612" s="30" t="s">
        <v>613</v>
      </c>
      <c r="C1612" s="27" t="s">
        <v>734</v>
      </c>
      <c r="D1612" s="34">
        <v>40620</v>
      </c>
      <c r="E1612" s="32" t="s">
        <v>3067</v>
      </c>
      <c r="F1612" s="32" t="s">
        <v>1261</v>
      </c>
      <c r="G1612" s="27">
        <v>5</v>
      </c>
      <c r="H1612" s="3"/>
      <c r="I1612" s="3"/>
      <c r="J1612" s="3"/>
      <c r="K1612" s="3"/>
      <c r="L1612" s="3"/>
      <c r="M1612" s="3"/>
      <c r="N1612" s="3"/>
      <c r="O1612" s="3"/>
      <c r="P1612" s="3"/>
      <c r="Q1612" s="3"/>
      <c r="R1612" s="3"/>
      <c r="S1612" s="3"/>
      <c r="T1612" s="3"/>
      <c r="U1612" s="3"/>
      <c r="V1612" s="3"/>
      <c r="W1612" s="3"/>
      <c r="X1612" s="3"/>
      <c r="Y1612" s="3"/>
      <c r="Z1612" s="3"/>
      <c r="AA1612" s="3"/>
      <c r="AB1612" s="3"/>
      <c r="AC1612" s="3"/>
      <c r="AD1612" s="3"/>
      <c r="AE1612" s="3"/>
      <c r="AF1612" s="3"/>
      <c r="AG1612" s="3"/>
      <c r="AH1612" s="3"/>
      <c r="AI1612" s="3"/>
      <c r="AJ1612" s="3"/>
      <c r="AK1612" s="3"/>
      <c r="AL1612" s="3"/>
      <c r="AM1612" s="3"/>
      <c r="AN1612" s="3"/>
      <c r="AO1612" s="3"/>
      <c r="AP1612" s="3"/>
      <c r="AQ1612" s="3"/>
      <c r="AR1612" s="3"/>
      <c r="AS1612" s="3"/>
      <c r="AT1612" s="3"/>
    </row>
    <row r="1613" spans="1:46" ht="13.5" customHeight="1" x14ac:dyDescent="0.15">
      <c r="A1613" s="3">
        <v>1612</v>
      </c>
      <c r="B1613" s="30" t="s">
        <v>613</v>
      </c>
      <c r="C1613" s="35" t="s">
        <v>884</v>
      </c>
      <c r="D1613" s="28">
        <v>41570</v>
      </c>
      <c r="E1613" s="36" t="s">
        <v>3078</v>
      </c>
      <c r="F1613" s="29" t="s">
        <v>1359</v>
      </c>
      <c r="G1613" s="27">
        <v>7</v>
      </c>
      <c r="H1613" s="3"/>
      <c r="I1613" s="3"/>
      <c r="J1613" s="3"/>
      <c r="K1613" s="3"/>
      <c r="L1613" s="3"/>
      <c r="M1613" s="3"/>
      <c r="N1613" s="3"/>
      <c r="O1613" s="3"/>
      <c r="P1613" s="3"/>
      <c r="Q1613" s="3"/>
      <c r="R1613" s="3"/>
      <c r="S1613" s="3"/>
      <c r="T1613" s="3"/>
      <c r="U1613" s="3"/>
      <c r="V1613" s="3"/>
      <c r="W1613" s="3"/>
      <c r="X1613" s="3"/>
      <c r="Y1613" s="3"/>
      <c r="Z1613" s="3"/>
      <c r="AA1613" s="3"/>
      <c r="AB1613" s="3"/>
      <c r="AC1613" s="3"/>
      <c r="AD1613" s="3"/>
      <c r="AE1613" s="3"/>
      <c r="AF1613" s="3"/>
      <c r="AG1613" s="3"/>
      <c r="AH1613" s="3"/>
      <c r="AI1613" s="3"/>
      <c r="AJ1613" s="3"/>
      <c r="AK1613" s="3"/>
      <c r="AL1613" s="3"/>
      <c r="AM1613" s="3"/>
      <c r="AN1613" s="3"/>
      <c r="AO1613" s="3"/>
      <c r="AP1613" s="3"/>
      <c r="AQ1613" s="3"/>
      <c r="AR1613" s="3"/>
      <c r="AS1613" s="3"/>
      <c r="AT1613" s="3"/>
    </row>
    <row r="1614" spans="1:46" ht="13.5" customHeight="1" x14ac:dyDescent="0.15">
      <c r="A1614" s="3">
        <v>1613</v>
      </c>
      <c r="B1614" s="30" t="s">
        <v>613</v>
      </c>
      <c r="C1614" s="27" t="s">
        <v>2115</v>
      </c>
      <c r="D1614" s="28">
        <v>41650</v>
      </c>
      <c r="E1614" s="32" t="s">
        <v>52</v>
      </c>
      <c r="F1614" s="32" t="s">
        <v>49</v>
      </c>
      <c r="G1614" s="27">
        <v>10</v>
      </c>
      <c r="H1614" s="3"/>
      <c r="I1614" s="3"/>
      <c r="J1614" s="3"/>
      <c r="K1614" s="3"/>
      <c r="L1614" s="3"/>
      <c r="M1614" s="3"/>
      <c r="N1614" s="3"/>
      <c r="O1614" s="3"/>
      <c r="P1614" s="3"/>
      <c r="Q1614" s="3"/>
      <c r="R1614" s="3"/>
      <c r="S1614" s="3"/>
      <c r="T1614" s="3"/>
      <c r="U1614" s="3"/>
      <c r="V1614" s="3"/>
      <c r="W1614" s="3"/>
      <c r="X1614" s="3"/>
      <c r="Y1614" s="3"/>
      <c r="Z1614" s="3"/>
      <c r="AA1614" s="3"/>
      <c r="AB1614" s="3"/>
      <c r="AC1614" s="3"/>
      <c r="AD1614" s="3"/>
      <c r="AE1614" s="3"/>
      <c r="AF1614" s="3"/>
      <c r="AG1614" s="3"/>
      <c r="AH1614" s="3"/>
      <c r="AI1614" s="3"/>
      <c r="AJ1614" s="3"/>
      <c r="AK1614" s="3"/>
      <c r="AL1614" s="3"/>
      <c r="AM1614" s="3"/>
      <c r="AN1614" s="3"/>
      <c r="AO1614" s="3"/>
      <c r="AP1614" s="3"/>
      <c r="AQ1614" s="3"/>
      <c r="AR1614" s="3"/>
      <c r="AS1614" s="3"/>
      <c r="AT1614" s="3"/>
    </row>
    <row r="1615" spans="1:46" ht="13.5" customHeight="1" x14ac:dyDescent="0.15">
      <c r="A1615" s="3">
        <v>1614</v>
      </c>
      <c r="B1615" s="30" t="s">
        <v>613</v>
      </c>
      <c r="C1615" s="27" t="s">
        <v>2115</v>
      </c>
      <c r="D1615" s="28">
        <v>41660</v>
      </c>
      <c r="E1615" s="32" t="s">
        <v>53</v>
      </c>
      <c r="F1615" s="32" t="s">
        <v>2288</v>
      </c>
      <c r="G1615" s="27">
        <v>8</v>
      </c>
      <c r="H1615" s="3"/>
      <c r="I1615" s="3"/>
      <c r="J1615" s="3"/>
      <c r="K1615" s="3"/>
      <c r="L1615" s="3"/>
      <c r="M1615" s="3"/>
      <c r="N1615" s="3"/>
      <c r="O1615" s="3"/>
      <c r="P1615" s="3"/>
      <c r="Q1615" s="3"/>
      <c r="R1615" s="3"/>
      <c r="S1615" s="3"/>
      <c r="T1615" s="3"/>
      <c r="U1615" s="3"/>
      <c r="V1615" s="3"/>
      <c r="W1615" s="3"/>
      <c r="X1615" s="3"/>
      <c r="Y1615" s="3"/>
      <c r="Z1615" s="3"/>
      <c r="AA1615" s="3"/>
      <c r="AB1615" s="3"/>
      <c r="AC1615" s="3"/>
      <c r="AD1615" s="3"/>
      <c r="AE1615" s="3"/>
      <c r="AF1615" s="3"/>
      <c r="AG1615" s="3"/>
      <c r="AH1615" s="3"/>
      <c r="AI1615" s="3"/>
      <c r="AJ1615" s="3"/>
      <c r="AK1615" s="3"/>
      <c r="AL1615" s="3"/>
      <c r="AM1615" s="3"/>
      <c r="AN1615" s="3"/>
      <c r="AO1615" s="3"/>
      <c r="AP1615" s="3"/>
      <c r="AQ1615" s="3"/>
      <c r="AR1615" s="3"/>
      <c r="AS1615" s="3"/>
      <c r="AT1615" s="3"/>
    </row>
    <row r="1616" spans="1:46" ht="13.5" customHeight="1" x14ac:dyDescent="0.15">
      <c r="A1616" s="3">
        <v>1615</v>
      </c>
      <c r="B1616" s="30" t="s">
        <v>613</v>
      </c>
      <c r="C1616" s="27" t="s">
        <v>884</v>
      </c>
      <c r="D1616" s="28">
        <v>41760</v>
      </c>
      <c r="E1616" s="38" t="s">
        <v>811</v>
      </c>
      <c r="F1616" s="36" t="s">
        <v>2189</v>
      </c>
      <c r="G1616" s="27">
        <v>5</v>
      </c>
      <c r="H1616" s="3"/>
      <c r="I1616" s="3"/>
      <c r="J1616" s="3"/>
      <c r="K1616" s="3"/>
      <c r="L1616" s="3"/>
      <c r="M1616" s="3"/>
      <c r="N1616" s="3"/>
      <c r="O1616" s="3"/>
      <c r="P1616" s="3"/>
      <c r="Q1616" s="3"/>
      <c r="R1616" s="3"/>
      <c r="S1616" s="3"/>
      <c r="T1616" s="3"/>
      <c r="U1616" s="3"/>
      <c r="V1616" s="3"/>
      <c r="W1616" s="3"/>
      <c r="X1616" s="3"/>
      <c r="Y1616" s="3"/>
      <c r="Z1616" s="3"/>
      <c r="AA1616" s="3"/>
      <c r="AB1616" s="3"/>
      <c r="AC1616" s="3"/>
      <c r="AD1616" s="3"/>
      <c r="AE1616" s="3"/>
      <c r="AF1616" s="3"/>
      <c r="AG1616" s="3"/>
      <c r="AH1616" s="3"/>
      <c r="AI1616" s="3"/>
      <c r="AJ1616" s="3"/>
      <c r="AK1616" s="3"/>
      <c r="AL1616" s="3"/>
      <c r="AM1616" s="3"/>
      <c r="AN1616" s="3"/>
      <c r="AO1616" s="3"/>
      <c r="AP1616" s="3"/>
      <c r="AQ1616" s="3"/>
      <c r="AR1616" s="3"/>
      <c r="AS1616" s="3"/>
      <c r="AT1616" s="3"/>
    </row>
    <row r="1617" spans="1:46" ht="13.5" customHeight="1" x14ac:dyDescent="0.15">
      <c r="A1617" s="3">
        <v>1616</v>
      </c>
      <c r="B1617" s="30" t="s">
        <v>613</v>
      </c>
      <c r="C1617" s="27" t="s">
        <v>884</v>
      </c>
      <c r="D1617" s="28">
        <v>41880</v>
      </c>
      <c r="E1617" s="38" t="s">
        <v>712</v>
      </c>
      <c r="F1617" s="36" t="s">
        <v>1772</v>
      </c>
      <c r="G1617" s="27">
        <v>6</v>
      </c>
      <c r="H1617" s="3"/>
      <c r="I1617" s="3"/>
      <c r="J1617" s="3"/>
      <c r="K1617" s="3"/>
      <c r="L1617" s="3"/>
      <c r="M1617" s="3"/>
      <c r="N1617" s="3"/>
      <c r="O1617" s="3"/>
      <c r="P1617" s="3"/>
      <c r="Q1617" s="3"/>
      <c r="R1617" s="3"/>
      <c r="S1617" s="3"/>
      <c r="T1617" s="3"/>
      <c r="U1617" s="3"/>
      <c r="V1617" s="3"/>
      <c r="W1617" s="3"/>
      <c r="X1617" s="3"/>
      <c r="Y1617" s="3"/>
      <c r="Z1617" s="3"/>
      <c r="AA1617" s="3"/>
      <c r="AB1617" s="3"/>
      <c r="AC1617" s="3"/>
      <c r="AD1617" s="3"/>
      <c r="AE1617" s="3"/>
      <c r="AF1617" s="3"/>
      <c r="AG1617" s="3"/>
      <c r="AH1617" s="3"/>
      <c r="AI1617" s="3"/>
      <c r="AJ1617" s="3"/>
      <c r="AK1617" s="3"/>
      <c r="AL1617" s="3"/>
      <c r="AM1617" s="3"/>
      <c r="AN1617" s="3"/>
      <c r="AO1617" s="3"/>
      <c r="AP1617" s="3"/>
      <c r="AQ1617" s="3"/>
      <c r="AR1617" s="3"/>
      <c r="AS1617" s="3"/>
      <c r="AT1617" s="3"/>
    </row>
    <row r="1618" spans="1:46" ht="13.5" customHeight="1" x14ac:dyDescent="0.15">
      <c r="A1618" s="3">
        <v>1617</v>
      </c>
      <c r="B1618" s="30" t="s">
        <v>613</v>
      </c>
      <c r="C1618" s="27" t="s">
        <v>884</v>
      </c>
      <c r="D1618" s="28">
        <v>41890</v>
      </c>
      <c r="E1618" s="38" t="s">
        <v>713</v>
      </c>
      <c r="F1618" s="38" t="s">
        <v>2289</v>
      </c>
      <c r="G1618" s="27">
        <v>6</v>
      </c>
      <c r="H1618" s="3"/>
      <c r="I1618" s="3"/>
      <c r="J1618" s="3"/>
      <c r="K1618" s="3"/>
      <c r="L1618" s="3"/>
      <c r="M1618" s="3"/>
      <c r="N1618" s="3"/>
      <c r="O1618" s="3"/>
      <c r="P1618" s="3"/>
      <c r="Q1618" s="3"/>
      <c r="R1618" s="3"/>
      <c r="S1618" s="3"/>
      <c r="T1618" s="3"/>
      <c r="U1618" s="3"/>
      <c r="V1618" s="3"/>
      <c r="W1618" s="3"/>
      <c r="X1618" s="3"/>
      <c r="Y1618" s="3"/>
      <c r="Z1618" s="3"/>
      <c r="AA1618" s="3"/>
      <c r="AB1618" s="3"/>
      <c r="AC1618" s="3"/>
      <c r="AD1618" s="3"/>
      <c r="AE1618" s="3"/>
      <c r="AF1618" s="3"/>
      <c r="AG1618" s="3"/>
      <c r="AH1618" s="3"/>
      <c r="AI1618" s="3"/>
      <c r="AJ1618" s="3"/>
      <c r="AK1618" s="3"/>
      <c r="AL1618" s="3"/>
      <c r="AM1618" s="3"/>
      <c r="AN1618" s="3"/>
      <c r="AO1618" s="3"/>
      <c r="AP1618" s="3"/>
      <c r="AQ1618" s="3"/>
      <c r="AR1618" s="3"/>
      <c r="AS1618" s="3"/>
      <c r="AT1618" s="3"/>
    </row>
    <row r="1619" spans="1:46" ht="13.5" customHeight="1" x14ac:dyDescent="0.15">
      <c r="A1619" s="3">
        <v>1618</v>
      </c>
      <c r="B1619" s="30" t="s">
        <v>613</v>
      </c>
      <c r="C1619" s="27" t="s">
        <v>884</v>
      </c>
      <c r="D1619" s="28">
        <v>42220</v>
      </c>
      <c r="E1619" s="38" t="s">
        <v>1552</v>
      </c>
      <c r="F1619" s="32" t="s">
        <v>2569</v>
      </c>
      <c r="G1619" s="27">
        <v>6</v>
      </c>
      <c r="H1619" s="3"/>
      <c r="I1619" s="3"/>
      <c r="J1619" s="3"/>
      <c r="K1619" s="3"/>
      <c r="L1619" s="3"/>
      <c r="M1619" s="3"/>
      <c r="N1619" s="3"/>
      <c r="O1619" s="3"/>
      <c r="P1619" s="3"/>
      <c r="Q1619" s="3"/>
      <c r="R1619" s="3"/>
      <c r="S1619" s="3"/>
      <c r="T1619" s="3"/>
      <c r="U1619" s="3"/>
      <c r="V1619" s="3"/>
      <c r="W1619" s="3"/>
      <c r="X1619" s="3"/>
      <c r="Y1619" s="3"/>
      <c r="Z1619" s="3"/>
      <c r="AA1619" s="3"/>
      <c r="AB1619" s="3"/>
      <c r="AC1619" s="3"/>
      <c r="AD1619" s="3"/>
      <c r="AE1619" s="3"/>
      <c r="AF1619" s="3"/>
      <c r="AG1619" s="3"/>
      <c r="AH1619" s="3"/>
      <c r="AI1619" s="3"/>
      <c r="AJ1619" s="3"/>
      <c r="AK1619" s="3"/>
      <c r="AL1619" s="3"/>
      <c r="AM1619" s="3"/>
      <c r="AN1619" s="3"/>
      <c r="AO1619" s="3"/>
      <c r="AP1619" s="3"/>
      <c r="AQ1619" s="3"/>
      <c r="AR1619" s="3"/>
      <c r="AS1619" s="3"/>
      <c r="AT1619" s="3"/>
    </row>
    <row r="1620" spans="1:46" ht="13.5" customHeight="1" x14ac:dyDescent="0.15">
      <c r="A1620" s="3">
        <v>1619</v>
      </c>
      <c r="B1620" s="30" t="s">
        <v>613</v>
      </c>
      <c r="C1620" s="27" t="s">
        <v>884</v>
      </c>
      <c r="D1620" s="34">
        <v>143080</v>
      </c>
      <c r="E1620" s="32" t="s">
        <v>2309</v>
      </c>
      <c r="F1620" s="32" t="s">
        <v>2310</v>
      </c>
      <c r="G1620" s="27">
        <v>9</v>
      </c>
      <c r="H1620" s="3"/>
      <c r="I1620" s="3"/>
      <c r="J1620" s="3"/>
      <c r="K1620" s="3"/>
      <c r="L1620" s="3"/>
      <c r="M1620" s="3"/>
      <c r="N1620" s="3"/>
      <c r="O1620" s="3"/>
      <c r="P1620" s="3"/>
      <c r="Q1620" s="3"/>
      <c r="R1620" s="3"/>
      <c r="S1620" s="3"/>
      <c r="T1620" s="3"/>
      <c r="U1620" s="3"/>
      <c r="V1620" s="3"/>
      <c r="W1620" s="3"/>
      <c r="X1620" s="3"/>
      <c r="Y1620" s="3"/>
      <c r="Z1620" s="3"/>
      <c r="AA1620" s="3"/>
      <c r="AB1620" s="3"/>
      <c r="AC1620" s="3"/>
      <c r="AD1620" s="3"/>
      <c r="AE1620" s="3"/>
      <c r="AF1620" s="3"/>
      <c r="AG1620" s="3"/>
      <c r="AH1620" s="3"/>
      <c r="AI1620" s="3"/>
      <c r="AJ1620" s="3"/>
      <c r="AK1620" s="3"/>
      <c r="AL1620" s="3"/>
      <c r="AM1620" s="3"/>
      <c r="AN1620" s="3"/>
      <c r="AO1620" s="3"/>
      <c r="AP1620" s="3"/>
      <c r="AQ1620" s="3"/>
      <c r="AR1620" s="3"/>
      <c r="AS1620" s="3"/>
      <c r="AT1620" s="3"/>
    </row>
    <row r="1621" spans="1:46" ht="13.5" customHeight="1" x14ac:dyDescent="0.15">
      <c r="A1621" s="3">
        <v>1620</v>
      </c>
      <c r="B1621" s="30" t="s">
        <v>613</v>
      </c>
      <c r="C1621" s="27" t="s">
        <v>884</v>
      </c>
      <c r="D1621" s="34">
        <v>143140</v>
      </c>
      <c r="E1621" s="32" t="s">
        <v>2340</v>
      </c>
      <c r="F1621" s="32" t="s">
        <v>2341</v>
      </c>
      <c r="G1621" s="27">
        <v>10</v>
      </c>
      <c r="H1621" s="3"/>
      <c r="I1621" s="3"/>
      <c r="J1621" s="3"/>
      <c r="K1621" s="3"/>
      <c r="L1621" s="3"/>
      <c r="M1621" s="3"/>
      <c r="N1621" s="3"/>
      <c r="O1621" s="3"/>
      <c r="P1621" s="3"/>
      <c r="Q1621" s="3"/>
      <c r="R1621" s="3"/>
      <c r="S1621" s="3"/>
      <c r="T1621" s="3"/>
      <c r="U1621" s="3"/>
      <c r="V1621" s="3"/>
      <c r="W1621" s="3"/>
      <c r="X1621" s="3"/>
      <c r="Y1621" s="3"/>
      <c r="Z1621" s="3"/>
      <c r="AA1621" s="3"/>
      <c r="AB1621" s="3"/>
      <c r="AC1621" s="3"/>
      <c r="AD1621" s="3"/>
      <c r="AE1621" s="3"/>
      <c r="AF1621" s="3"/>
      <c r="AG1621" s="3"/>
      <c r="AH1621" s="3"/>
      <c r="AI1621" s="3"/>
      <c r="AJ1621" s="3"/>
      <c r="AK1621" s="3"/>
      <c r="AL1621" s="3"/>
      <c r="AM1621" s="3"/>
      <c r="AN1621" s="3"/>
      <c r="AO1621" s="3"/>
      <c r="AP1621" s="3"/>
      <c r="AQ1621" s="3"/>
      <c r="AR1621" s="3"/>
      <c r="AS1621" s="3"/>
      <c r="AT1621" s="3"/>
    </row>
    <row r="1622" spans="1:46" ht="13.5" customHeight="1" x14ac:dyDescent="0.15">
      <c r="A1622" s="3">
        <v>1621</v>
      </c>
      <c r="B1622" s="30" t="s">
        <v>613</v>
      </c>
      <c r="C1622" s="27" t="s">
        <v>985</v>
      </c>
      <c r="D1622" s="31">
        <v>143280</v>
      </c>
      <c r="E1622" s="32" t="s">
        <v>2382</v>
      </c>
      <c r="F1622" s="32" t="s">
        <v>2383</v>
      </c>
      <c r="G1622" s="27">
        <v>12</v>
      </c>
      <c r="H1622" s="3"/>
      <c r="I1622" s="3"/>
      <c r="J1622" s="3"/>
      <c r="K1622" s="3"/>
      <c r="L1622" s="3"/>
      <c r="M1622" s="3"/>
      <c r="N1622" s="3"/>
      <c r="O1622" s="3"/>
      <c r="P1622" s="3"/>
      <c r="Q1622" s="3"/>
      <c r="R1622" s="3"/>
      <c r="S1622" s="3"/>
      <c r="T1622" s="3"/>
      <c r="U1622" s="3"/>
      <c r="V1622" s="3"/>
      <c r="W1622" s="3"/>
      <c r="X1622" s="3"/>
      <c r="Y1622" s="3"/>
      <c r="Z1622" s="3"/>
      <c r="AA1622" s="3"/>
      <c r="AB1622" s="3"/>
      <c r="AC1622" s="3"/>
      <c r="AD1622" s="3"/>
      <c r="AE1622" s="3"/>
      <c r="AF1622" s="3"/>
      <c r="AG1622" s="3"/>
      <c r="AH1622" s="3"/>
      <c r="AI1622" s="3"/>
      <c r="AJ1622" s="3"/>
      <c r="AK1622" s="3"/>
      <c r="AL1622" s="3"/>
      <c r="AM1622" s="3"/>
      <c r="AN1622" s="3"/>
      <c r="AO1622" s="3"/>
      <c r="AP1622" s="3"/>
      <c r="AQ1622" s="3"/>
      <c r="AR1622" s="3"/>
      <c r="AS1622" s="3"/>
      <c r="AT1622" s="3"/>
    </row>
    <row r="1623" spans="1:46" ht="13.5" customHeight="1" x14ac:dyDescent="0.15">
      <c r="A1623" s="3">
        <v>1622</v>
      </c>
      <c r="B1623" s="30" t="s">
        <v>613</v>
      </c>
      <c r="C1623" s="27" t="s">
        <v>884</v>
      </c>
      <c r="D1623" s="28">
        <v>143300</v>
      </c>
      <c r="E1623" s="36" t="s">
        <v>2386</v>
      </c>
      <c r="F1623" s="32" t="s">
        <v>2387</v>
      </c>
      <c r="G1623" s="27">
        <v>3</v>
      </c>
      <c r="H1623" s="3"/>
      <c r="I1623" s="3"/>
      <c r="J1623" s="3"/>
      <c r="K1623" s="3"/>
      <c r="L1623" s="3"/>
      <c r="M1623" s="3"/>
      <c r="N1623" s="3"/>
      <c r="O1623" s="3"/>
      <c r="P1623" s="3"/>
      <c r="Q1623" s="3"/>
      <c r="R1623" s="3"/>
      <c r="S1623" s="3"/>
      <c r="T1623" s="3"/>
      <c r="U1623" s="3"/>
      <c r="V1623" s="3"/>
      <c r="W1623" s="3"/>
      <c r="X1623" s="3"/>
      <c r="Y1623" s="3"/>
      <c r="Z1623" s="3"/>
      <c r="AA1623" s="3"/>
      <c r="AB1623" s="3"/>
      <c r="AC1623" s="3"/>
      <c r="AD1623" s="3"/>
      <c r="AE1623" s="3"/>
      <c r="AF1623" s="3"/>
      <c r="AG1623" s="3"/>
      <c r="AH1623" s="3"/>
      <c r="AI1623" s="3"/>
      <c r="AJ1623" s="3"/>
      <c r="AK1623" s="3"/>
      <c r="AL1623" s="3"/>
      <c r="AM1623" s="3"/>
      <c r="AN1623" s="3"/>
      <c r="AO1623" s="3"/>
      <c r="AP1623" s="3"/>
      <c r="AQ1623" s="3"/>
      <c r="AR1623" s="3"/>
      <c r="AS1623" s="3"/>
      <c r="AT1623" s="3"/>
    </row>
    <row r="1624" spans="1:46" ht="13.5" customHeight="1" x14ac:dyDescent="0.15">
      <c r="A1624" s="3">
        <v>1623</v>
      </c>
      <c r="B1624" s="30" t="s">
        <v>613</v>
      </c>
      <c r="C1624" s="27" t="s">
        <v>985</v>
      </c>
      <c r="D1624" s="31">
        <v>143340</v>
      </c>
      <c r="E1624" s="32" t="s">
        <v>2393</v>
      </c>
      <c r="F1624" s="32" t="s">
        <v>2394</v>
      </c>
      <c r="G1624" s="27">
        <v>8</v>
      </c>
      <c r="H1624" s="3"/>
      <c r="I1624" s="3"/>
      <c r="J1624" s="3"/>
      <c r="K1624" s="3"/>
      <c r="L1624" s="3"/>
      <c r="M1624" s="3"/>
      <c r="N1624" s="3"/>
      <c r="O1624" s="3"/>
      <c r="P1624" s="3"/>
      <c r="Q1624" s="3"/>
      <c r="R1624" s="3"/>
      <c r="S1624" s="3"/>
      <c r="T1624" s="3"/>
      <c r="U1624" s="3"/>
      <c r="V1624" s="3"/>
      <c r="W1624" s="3"/>
      <c r="X1624" s="3"/>
      <c r="Y1624" s="3"/>
      <c r="Z1624" s="3"/>
      <c r="AA1624" s="3"/>
      <c r="AB1624" s="3"/>
      <c r="AC1624" s="3"/>
      <c r="AD1624" s="3"/>
      <c r="AE1624" s="3"/>
      <c r="AF1624" s="3"/>
      <c r="AG1624" s="3"/>
      <c r="AH1624" s="3"/>
      <c r="AI1624" s="3"/>
      <c r="AJ1624" s="3"/>
      <c r="AK1624" s="3"/>
      <c r="AL1624" s="3"/>
      <c r="AM1624" s="3"/>
      <c r="AN1624" s="3"/>
      <c r="AO1624" s="3"/>
      <c r="AP1624" s="3"/>
      <c r="AQ1624" s="3"/>
      <c r="AR1624" s="3"/>
      <c r="AS1624" s="3"/>
      <c r="AT1624" s="3"/>
    </row>
    <row r="1625" spans="1:46" ht="13.5" customHeight="1" x14ac:dyDescent="0.15">
      <c r="A1625" s="3">
        <v>1624</v>
      </c>
      <c r="B1625" s="30" t="s">
        <v>613</v>
      </c>
      <c r="C1625" s="27" t="s">
        <v>884</v>
      </c>
      <c r="D1625" s="31">
        <v>143570</v>
      </c>
      <c r="E1625" s="32" t="s">
        <v>2464</v>
      </c>
      <c r="F1625" s="32" t="s">
        <v>2465</v>
      </c>
      <c r="G1625" s="27">
        <v>9</v>
      </c>
      <c r="H1625" s="3"/>
      <c r="I1625" s="3"/>
      <c r="J1625" s="3"/>
      <c r="K1625" s="3"/>
      <c r="L1625" s="3"/>
      <c r="M1625" s="3"/>
      <c r="N1625" s="3"/>
      <c r="O1625" s="3"/>
      <c r="P1625" s="3"/>
      <c r="Q1625" s="3"/>
      <c r="R1625" s="3"/>
      <c r="S1625" s="3"/>
      <c r="T1625" s="3"/>
      <c r="U1625" s="3"/>
      <c r="V1625" s="3"/>
      <c r="W1625" s="3"/>
      <c r="X1625" s="3"/>
      <c r="Y1625" s="3"/>
      <c r="Z1625" s="3"/>
      <c r="AA1625" s="3"/>
      <c r="AB1625" s="3"/>
      <c r="AC1625" s="3"/>
      <c r="AD1625" s="3"/>
      <c r="AE1625" s="3"/>
      <c r="AF1625" s="3"/>
      <c r="AG1625" s="3"/>
      <c r="AH1625" s="3"/>
      <c r="AI1625" s="3"/>
      <c r="AJ1625" s="3"/>
      <c r="AK1625" s="3"/>
      <c r="AL1625" s="3"/>
      <c r="AM1625" s="3"/>
      <c r="AN1625" s="3"/>
      <c r="AO1625" s="3"/>
      <c r="AP1625" s="3"/>
      <c r="AQ1625" s="3"/>
      <c r="AR1625" s="3"/>
      <c r="AS1625" s="3"/>
      <c r="AT1625" s="3"/>
    </row>
    <row r="1626" spans="1:46" ht="13.5" customHeight="1" x14ac:dyDescent="0.15">
      <c r="A1626" s="3">
        <v>1625</v>
      </c>
      <c r="B1626" s="30" t="s">
        <v>613</v>
      </c>
      <c r="C1626" s="27" t="s">
        <v>884</v>
      </c>
      <c r="D1626" s="31">
        <v>143650</v>
      </c>
      <c r="E1626" s="32" t="s">
        <v>2458</v>
      </c>
      <c r="F1626" s="32" t="s">
        <v>2558</v>
      </c>
      <c r="G1626" s="27">
        <v>6</v>
      </c>
      <c r="H1626" s="3"/>
      <c r="I1626" s="3"/>
      <c r="J1626" s="3"/>
      <c r="K1626" s="3"/>
      <c r="L1626" s="3"/>
      <c r="M1626" s="3"/>
      <c r="N1626" s="3"/>
      <c r="O1626" s="3"/>
      <c r="P1626" s="3"/>
      <c r="Q1626" s="3"/>
      <c r="R1626" s="3"/>
      <c r="S1626" s="3"/>
      <c r="T1626" s="3"/>
      <c r="U1626" s="3"/>
      <c r="V1626" s="3"/>
      <c r="W1626" s="3"/>
      <c r="X1626" s="3"/>
      <c r="Y1626" s="3"/>
      <c r="Z1626" s="3"/>
      <c r="AA1626" s="3"/>
      <c r="AB1626" s="3"/>
      <c r="AC1626" s="3"/>
      <c r="AD1626" s="3"/>
      <c r="AE1626" s="3"/>
      <c r="AF1626" s="3"/>
      <c r="AG1626" s="3"/>
      <c r="AH1626" s="3"/>
      <c r="AI1626" s="3"/>
      <c r="AJ1626" s="3"/>
      <c r="AK1626" s="3"/>
      <c r="AL1626" s="3"/>
      <c r="AM1626" s="3"/>
      <c r="AN1626" s="3"/>
      <c r="AO1626" s="3"/>
      <c r="AP1626" s="3"/>
      <c r="AQ1626" s="3"/>
      <c r="AR1626" s="3"/>
      <c r="AS1626" s="3"/>
      <c r="AT1626" s="3"/>
    </row>
    <row r="1627" spans="1:46" ht="13.5" customHeight="1" x14ac:dyDescent="0.15">
      <c r="A1627" s="3">
        <v>1626</v>
      </c>
      <c r="B1627" s="30" t="s">
        <v>613</v>
      </c>
      <c r="C1627" s="27" t="s">
        <v>884</v>
      </c>
      <c r="D1627" s="31">
        <v>143830</v>
      </c>
      <c r="E1627" s="32" t="s">
        <v>2463</v>
      </c>
      <c r="F1627" s="32" t="s">
        <v>3488</v>
      </c>
      <c r="G1627" s="27">
        <v>12</v>
      </c>
      <c r="H1627" s="3"/>
      <c r="I1627" s="3"/>
      <c r="J1627" s="3"/>
      <c r="K1627" s="3"/>
      <c r="L1627" s="3"/>
      <c r="M1627" s="3"/>
      <c r="N1627" s="3"/>
      <c r="O1627" s="3"/>
      <c r="P1627" s="3"/>
      <c r="Q1627" s="3"/>
      <c r="R1627" s="3"/>
      <c r="S1627" s="3"/>
      <c r="T1627" s="3"/>
      <c r="U1627" s="3"/>
      <c r="V1627" s="3"/>
      <c r="W1627" s="3"/>
      <c r="X1627" s="3"/>
      <c r="Y1627" s="3"/>
      <c r="Z1627" s="3"/>
      <c r="AA1627" s="3"/>
      <c r="AB1627" s="3"/>
      <c r="AC1627" s="3"/>
      <c r="AD1627" s="3"/>
      <c r="AE1627" s="3"/>
      <c r="AF1627" s="3"/>
      <c r="AG1627" s="3"/>
      <c r="AH1627" s="3"/>
      <c r="AI1627" s="3"/>
      <c r="AJ1627" s="3"/>
      <c r="AK1627" s="3"/>
      <c r="AL1627" s="3"/>
      <c r="AM1627" s="3"/>
      <c r="AN1627" s="3"/>
      <c r="AO1627" s="3"/>
      <c r="AP1627" s="3"/>
      <c r="AQ1627" s="3"/>
      <c r="AR1627" s="3"/>
      <c r="AS1627" s="3"/>
      <c r="AT1627" s="3"/>
    </row>
    <row r="1628" spans="1:46" ht="13.5" customHeight="1" x14ac:dyDescent="0.15">
      <c r="A1628" s="3">
        <v>1627</v>
      </c>
      <c r="B1628" s="30" t="s">
        <v>613</v>
      </c>
      <c r="C1628" s="27" t="s">
        <v>884</v>
      </c>
      <c r="D1628" s="31">
        <v>144430</v>
      </c>
      <c r="E1628" s="32" t="s">
        <v>2637</v>
      </c>
      <c r="F1628" s="32" t="s">
        <v>2638</v>
      </c>
      <c r="G1628" s="27">
        <v>11</v>
      </c>
      <c r="H1628" s="3"/>
      <c r="I1628" s="3"/>
      <c r="J1628" s="3"/>
      <c r="K1628" s="3"/>
      <c r="L1628" s="3"/>
      <c r="M1628" s="3"/>
      <c r="N1628" s="3"/>
      <c r="O1628" s="3"/>
      <c r="P1628" s="3"/>
      <c r="Q1628" s="3"/>
      <c r="R1628" s="3"/>
      <c r="S1628" s="3"/>
      <c r="T1628" s="3"/>
      <c r="U1628" s="3"/>
      <c r="V1628" s="3"/>
      <c r="W1628" s="3"/>
      <c r="X1628" s="3"/>
      <c r="Y1628" s="3"/>
      <c r="Z1628" s="3"/>
      <c r="AA1628" s="3"/>
      <c r="AB1628" s="3"/>
      <c r="AC1628" s="3"/>
      <c r="AD1628" s="3"/>
      <c r="AE1628" s="3"/>
      <c r="AF1628" s="3"/>
      <c r="AG1628" s="3"/>
      <c r="AH1628" s="3"/>
      <c r="AI1628" s="3"/>
      <c r="AJ1628" s="3"/>
      <c r="AK1628" s="3"/>
      <c r="AL1628" s="3"/>
      <c r="AM1628" s="3"/>
      <c r="AN1628" s="3"/>
      <c r="AO1628" s="3"/>
      <c r="AP1628" s="3"/>
      <c r="AQ1628" s="3"/>
      <c r="AR1628" s="3"/>
      <c r="AS1628" s="3"/>
      <c r="AT1628" s="3"/>
    </row>
    <row r="1629" spans="1:46" ht="13.5" customHeight="1" x14ac:dyDescent="0.15">
      <c r="A1629" s="3">
        <v>1628</v>
      </c>
      <c r="B1629" s="30" t="s">
        <v>613</v>
      </c>
      <c r="C1629" s="27" t="s">
        <v>884</v>
      </c>
      <c r="D1629" s="28">
        <v>144920</v>
      </c>
      <c r="E1629" s="29" t="s">
        <v>2699</v>
      </c>
      <c r="F1629" s="29" t="s">
        <v>2690</v>
      </c>
      <c r="G1629" s="27">
        <v>2</v>
      </c>
      <c r="H1629" s="3"/>
      <c r="I1629" s="3"/>
      <c r="J1629" s="3"/>
      <c r="K1629" s="3"/>
      <c r="L1629" s="3"/>
      <c r="M1629" s="3"/>
      <c r="N1629" s="3"/>
      <c r="O1629" s="3"/>
      <c r="P1629" s="3"/>
      <c r="Q1629" s="3"/>
      <c r="R1629" s="3"/>
      <c r="S1629" s="3"/>
      <c r="T1629" s="3"/>
      <c r="U1629" s="3"/>
      <c r="V1629" s="3"/>
      <c r="W1629" s="3"/>
      <c r="X1629" s="3"/>
      <c r="Y1629" s="3"/>
      <c r="Z1629" s="3"/>
      <c r="AA1629" s="3"/>
      <c r="AB1629" s="3"/>
      <c r="AC1629" s="3"/>
      <c r="AD1629" s="3"/>
      <c r="AE1629" s="3"/>
      <c r="AF1629" s="3"/>
      <c r="AG1629" s="3"/>
      <c r="AH1629" s="3"/>
      <c r="AI1629" s="3"/>
      <c r="AJ1629" s="3"/>
      <c r="AK1629" s="3"/>
      <c r="AL1629" s="3"/>
      <c r="AM1629" s="3"/>
      <c r="AN1629" s="3"/>
      <c r="AO1629" s="3"/>
      <c r="AP1629" s="3"/>
      <c r="AQ1629" s="3"/>
      <c r="AR1629" s="3"/>
      <c r="AS1629" s="3"/>
      <c r="AT1629" s="3"/>
    </row>
    <row r="1630" spans="1:46" ht="13.5" customHeight="1" x14ac:dyDescent="0.15">
      <c r="A1630" s="3">
        <v>1629</v>
      </c>
      <c r="B1630" s="30" t="s">
        <v>613</v>
      </c>
      <c r="C1630" s="27" t="s">
        <v>734</v>
      </c>
      <c r="D1630" s="31">
        <v>145240</v>
      </c>
      <c r="E1630" s="29" t="s">
        <v>2825</v>
      </c>
      <c r="F1630" s="40" t="s">
        <v>2798</v>
      </c>
      <c r="G1630" s="27">
        <v>8</v>
      </c>
      <c r="H1630" s="3"/>
      <c r="I1630" s="3"/>
      <c r="J1630" s="3"/>
      <c r="K1630" s="3"/>
      <c r="L1630" s="3"/>
      <c r="M1630" s="3"/>
      <c r="N1630" s="3"/>
      <c r="O1630" s="3"/>
      <c r="P1630" s="3"/>
      <c r="Q1630" s="3"/>
      <c r="R1630" s="3"/>
      <c r="S1630" s="3"/>
      <c r="T1630" s="3"/>
      <c r="U1630" s="3"/>
      <c r="V1630" s="3"/>
      <c r="W1630" s="3"/>
      <c r="X1630" s="3"/>
      <c r="Y1630" s="3"/>
      <c r="Z1630" s="3"/>
      <c r="AA1630" s="3"/>
      <c r="AB1630" s="3"/>
      <c r="AC1630" s="3"/>
      <c r="AD1630" s="3"/>
      <c r="AE1630" s="3"/>
      <c r="AF1630" s="3"/>
      <c r="AG1630" s="3"/>
      <c r="AH1630" s="3"/>
      <c r="AI1630" s="3"/>
      <c r="AJ1630" s="3"/>
      <c r="AK1630" s="3"/>
      <c r="AL1630" s="3"/>
      <c r="AM1630" s="3"/>
      <c r="AN1630" s="3"/>
      <c r="AO1630" s="3"/>
      <c r="AP1630" s="3"/>
      <c r="AQ1630" s="3"/>
      <c r="AR1630" s="3"/>
      <c r="AS1630" s="3"/>
      <c r="AT1630" s="3"/>
    </row>
    <row r="1631" spans="1:46" ht="13.5" customHeight="1" x14ac:dyDescent="0.15">
      <c r="A1631" s="3">
        <v>1630</v>
      </c>
      <c r="B1631" s="30" t="s">
        <v>613</v>
      </c>
      <c r="C1631" s="27" t="s">
        <v>2859</v>
      </c>
      <c r="D1631" s="31">
        <v>145380</v>
      </c>
      <c r="E1631" s="29" t="s">
        <v>2837</v>
      </c>
      <c r="F1631" s="40" t="s">
        <v>2809</v>
      </c>
      <c r="G1631" s="27">
        <v>7</v>
      </c>
      <c r="H1631" s="3"/>
      <c r="I1631" s="3"/>
      <c r="J1631" s="3"/>
      <c r="K1631" s="3"/>
      <c r="L1631" s="3"/>
      <c r="M1631" s="3"/>
      <c r="N1631" s="3"/>
      <c r="O1631" s="3"/>
      <c r="P1631" s="3"/>
      <c r="Q1631" s="3"/>
      <c r="R1631" s="3"/>
      <c r="S1631" s="3"/>
      <c r="T1631" s="3"/>
      <c r="U1631" s="3"/>
      <c r="V1631" s="3"/>
      <c r="W1631" s="3"/>
      <c r="X1631" s="3"/>
      <c r="Y1631" s="3"/>
      <c r="Z1631" s="3"/>
      <c r="AA1631" s="3"/>
      <c r="AB1631" s="3"/>
      <c r="AC1631" s="3"/>
      <c r="AD1631" s="3"/>
      <c r="AE1631" s="3"/>
      <c r="AF1631" s="3"/>
      <c r="AG1631" s="3"/>
      <c r="AH1631" s="3"/>
      <c r="AI1631" s="3"/>
      <c r="AJ1631" s="3"/>
      <c r="AK1631" s="3"/>
      <c r="AL1631" s="3"/>
      <c r="AM1631" s="3"/>
      <c r="AN1631" s="3"/>
      <c r="AO1631" s="3"/>
      <c r="AP1631" s="3"/>
      <c r="AQ1631" s="3"/>
      <c r="AR1631" s="3"/>
      <c r="AS1631" s="3"/>
      <c r="AT1631" s="3"/>
    </row>
    <row r="1632" spans="1:46" ht="13.5" customHeight="1" x14ac:dyDescent="0.15">
      <c r="A1632" s="3">
        <v>1631</v>
      </c>
      <c r="B1632" s="30" t="s">
        <v>613</v>
      </c>
      <c r="C1632" s="27" t="s">
        <v>2859</v>
      </c>
      <c r="D1632" s="31">
        <v>145390</v>
      </c>
      <c r="E1632" s="29" t="s">
        <v>2838</v>
      </c>
      <c r="F1632" s="40" t="s">
        <v>2810</v>
      </c>
      <c r="G1632" s="27">
        <v>8</v>
      </c>
      <c r="H1632" s="3"/>
      <c r="I1632" s="3"/>
      <c r="J1632" s="3"/>
      <c r="K1632" s="3"/>
      <c r="L1632" s="3"/>
      <c r="M1632" s="3"/>
      <c r="N1632" s="3"/>
      <c r="O1632" s="3"/>
      <c r="P1632" s="3"/>
      <c r="Q1632" s="3"/>
      <c r="R1632" s="3"/>
      <c r="S1632" s="3"/>
      <c r="T1632" s="3"/>
      <c r="U1632" s="3"/>
      <c r="V1632" s="3"/>
      <c r="W1632" s="3"/>
      <c r="X1632" s="3"/>
      <c r="Y1632" s="3"/>
      <c r="Z1632" s="3"/>
      <c r="AA1632" s="3"/>
      <c r="AB1632" s="3"/>
      <c r="AC1632" s="3"/>
      <c r="AD1632" s="3"/>
      <c r="AE1632" s="3"/>
      <c r="AF1632" s="3"/>
      <c r="AG1632" s="3"/>
      <c r="AH1632" s="3"/>
      <c r="AI1632" s="3"/>
      <c r="AJ1632" s="3"/>
      <c r="AK1632" s="3"/>
      <c r="AL1632" s="3"/>
      <c r="AM1632" s="3"/>
      <c r="AN1632" s="3"/>
      <c r="AO1632" s="3"/>
      <c r="AP1632" s="3"/>
      <c r="AQ1632" s="3"/>
      <c r="AR1632" s="3"/>
      <c r="AS1632" s="3"/>
      <c r="AT1632" s="3"/>
    </row>
    <row r="1633" spans="1:46" ht="13.5" customHeight="1" x14ac:dyDescent="0.15">
      <c r="A1633" s="3">
        <v>1632</v>
      </c>
      <c r="B1633" s="30" t="s">
        <v>613</v>
      </c>
      <c r="C1633" s="27" t="s">
        <v>734</v>
      </c>
      <c r="D1633" s="28">
        <v>145610</v>
      </c>
      <c r="E1633" s="40" t="s">
        <v>2889</v>
      </c>
      <c r="F1633" s="29" t="s">
        <v>2901</v>
      </c>
      <c r="G1633" s="27">
        <v>1</v>
      </c>
      <c r="H1633" s="3"/>
      <c r="I1633" s="3"/>
      <c r="J1633" s="3"/>
      <c r="K1633" s="3"/>
      <c r="L1633" s="3"/>
      <c r="M1633" s="3"/>
      <c r="N1633" s="3"/>
      <c r="O1633" s="3"/>
      <c r="P1633" s="3"/>
      <c r="Q1633" s="3"/>
      <c r="R1633" s="3"/>
      <c r="S1633" s="3"/>
      <c r="T1633" s="3"/>
      <c r="U1633" s="3"/>
      <c r="V1633" s="3"/>
      <c r="W1633" s="3"/>
      <c r="X1633" s="3"/>
      <c r="Y1633" s="3"/>
      <c r="Z1633" s="3"/>
      <c r="AA1633" s="3"/>
      <c r="AB1633" s="3"/>
      <c r="AC1633" s="3"/>
      <c r="AD1633" s="3"/>
      <c r="AE1633" s="3"/>
      <c r="AF1633" s="3"/>
      <c r="AG1633" s="3"/>
      <c r="AH1633" s="3"/>
      <c r="AI1633" s="3"/>
      <c r="AJ1633" s="3"/>
      <c r="AK1633" s="3"/>
      <c r="AL1633" s="3"/>
      <c r="AM1633" s="3"/>
      <c r="AN1633" s="3"/>
      <c r="AO1633" s="3"/>
      <c r="AP1633" s="3"/>
      <c r="AQ1633" s="3"/>
      <c r="AR1633" s="3"/>
      <c r="AS1633" s="3"/>
      <c r="AT1633" s="3"/>
    </row>
    <row r="1634" spans="1:46" ht="13.5" customHeight="1" x14ac:dyDescent="0.15">
      <c r="A1634" s="3">
        <v>1633</v>
      </c>
      <c r="B1634" s="30" t="s">
        <v>613</v>
      </c>
      <c r="C1634" s="27" t="s">
        <v>734</v>
      </c>
      <c r="D1634" s="28">
        <v>145690</v>
      </c>
      <c r="E1634" s="29" t="s">
        <v>2916</v>
      </c>
      <c r="F1634" s="29" t="s">
        <v>2906</v>
      </c>
      <c r="G1634" s="27">
        <v>8</v>
      </c>
      <c r="H1634" s="3"/>
      <c r="I1634" s="3"/>
      <c r="J1634" s="3"/>
      <c r="K1634" s="3"/>
      <c r="L1634" s="3"/>
      <c r="M1634" s="3"/>
      <c r="N1634" s="3"/>
      <c r="O1634" s="3"/>
      <c r="P1634" s="3"/>
      <c r="Q1634" s="3"/>
      <c r="R1634" s="3"/>
      <c r="S1634" s="3"/>
      <c r="T1634" s="3"/>
      <c r="U1634" s="3"/>
      <c r="V1634" s="3"/>
      <c r="W1634" s="3"/>
      <c r="X1634" s="3"/>
      <c r="Y1634" s="3"/>
      <c r="Z1634" s="3"/>
      <c r="AA1634" s="3"/>
      <c r="AB1634" s="3"/>
      <c r="AC1634" s="3"/>
      <c r="AD1634" s="3"/>
      <c r="AE1634" s="3"/>
      <c r="AF1634" s="3"/>
      <c r="AG1634" s="3"/>
      <c r="AH1634" s="3"/>
      <c r="AI1634" s="3"/>
      <c r="AJ1634" s="3"/>
      <c r="AK1634" s="3"/>
      <c r="AL1634" s="3"/>
      <c r="AM1634" s="3"/>
      <c r="AN1634" s="3"/>
      <c r="AO1634" s="3"/>
      <c r="AP1634" s="3"/>
      <c r="AQ1634" s="3"/>
      <c r="AR1634" s="3"/>
      <c r="AS1634" s="3"/>
      <c r="AT1634" s="3"/>
    </row>
    <row r="1635" spans="1:46" ht="13.5" customHeight="1" x14ac:dyDescent="0.15">
      <c r="A1635" s="3">
        <v>1634</v>
      </c>
      <c r="B1635" s="30" t="s">
        <v>613</v>
      </c>
      <c r="C1635" s="27" t="s">
        <v>884</v>
      </c>
      <c r="D1635" s="28">
        <v>145790</v>
      </c>
      <c r="E1635" s="40" t="s">
        <v>2965</v>
      </c>
      <c r="F1635" s="40" t="s">
        <v>2935</v>
      </c>
      <c r="G1635" s="27">
        <v>9</v>
      </c>
      <c r="H1635" s="3"/>
      <c r="I1635" s="3"/>
      <c r="J1635" s="3"/>
      <c r="K1635" s="3"/>
      <c r="L1635" s="3"/>
      <c r="M1635" s="3"/>
      <c r="N1635" s="3"/>
      <c r="O1635" s="3"/>
      <c r="P1635" s="3"/>
      <c r="Q1635" s="3"/>
      <c r="R1635" s="3"/>
      <c r="S1635" s="3"/>
      <c r="T1635" s="3"/>
      <c r="U1635" s="3"/>
      <c r="V1635" s="3"/>
      <c r="W1635" s="3"/>
      <c r="X1635" s="3"/>
      <c r="Y1635" s="3"/>
      <c r="Z1635" s="3"/>
      <c r="AA1635" s="3"/>
      <c r="AB1635" s="3"/>
      <c r="AC1635" s="3"/>
      <c r="AD1635" s="3"/>
      <c r="AE1635" s="3"/>
      <c r="AF1635" s="3"/>
      <c r="AG1635" s="3"/>
      <c r="AH1635" s="3"/>
      <c r="AI1635" s="3"/>
      <c r="AJ1635" s="3"/>
      <c r="AK1635" s="3"/>
      <c r="AL1635" s="3"/>
      <c r="AM1635" s="3"/>
      <c r="AN1635" s="3"/>
      <c r="AO1635" s="3"/>
      <c r="AP1635" s="3"/>
      <c r="AQ1635" s="3"/>
      <c r="AR1635" s="3"/>
      <c r="AS1635" s="3"/>
      <c r="AT1635" s="3"/>
    </row>
    <row r="1636" spans="1:46" ht="13.5" customHeight="1" x14ac:dyDescent="0.15">
      <c r="A1636" s="3">
        <v>1635</v>
      </c>
      <c r="B1636" s="30" t="s">
        <v>3203</v>
      </c>
      <c r="C1636" s="27" t="s">
        <v>734</v>
      </c>
      <c r="D1636" s="28">
        <v>146110</v>
      </c>
      <c r="E1636" s="40" t="s">
        <v>3254</v>
      </c>
      <c r="F1636" s="29" t="s">
        <v>3255</v>
      </c>
      <c r="G1636" s="27">
        <v>7</v>
      </c>
    </row>
    <row r="1637" spans="1:46" ht="13.5" customHeight="1" x14ac:dyDescent="0.15">
      <c r="A1637" s="3">
        <v>1636</v>
      </c>
      <c r="B1637" s="30" t="s">
        <v>613</v>
      </c>
      <c r="C1637" s="39" t="s">
        <v>884</v>
      </c>
      <c r="D1637" s="33">
        <v>146500</v>
      </c>
      <c r="E1637" s="40" t="s">
        <v>3155</v>
      </c>
      <c r="F1637" s="29" t="s">
        <v>3174</v>
      </c>
      <c r="G1637" s="27">
        <v>6</v>
      </c>
      <c r="H1637" s="3"/>
      <c r="I1637" s="3"/>
      <c r="J1637" s="3"/>
      <c r="K1637" s="3"/>
      <c r="L1637" s="3"/>
      <c r="M1637" s="3"/>
      <c r="N1637" s="3"/>
      <c r="O1637" s="3"/>
      <c r="P1637" s="3"/>
      <c r="Q1637" s="3"/>
      <c r="R1637" s="3"/>
      <c r="S1637" s="3"/>
      <c r="T1637" s="3"/>
      <c r="U1637" s="3"/>
      <c r="V1637" s="3"/>
      <c r="W1637" s="3"/>
      <c r="X1637" s="3"/>
      <c r="Y1637" s="3"/>
      <c r="Z1637" s="3"/>
      <c r="AA1637" s="3"/>
      <c r="AB1637" s="3"/>
      <c r="AC1637" s="3"/>
      <c r="AD1637" s="3"/>
      <c r="AE1637" s="3"/>
      <c r="AF1637" s="3"/>
      <c r="AG1637" s="3"/>
      <c r="AH1637" s="3"/>
      <c r="AI1637" s="3"/>
      <c r="AJ1637" s="3"/>
      <c r="AK1637" s="3"/>
      <c r="AL1637" s="3"/>
      <c r="AM1637" s="3"/>
      <c r="AN1637" s="3"/>
      <c r="AO1637" s="3"/>
      <c r="AP1637" s="3"/>
      <c r="AQ1637" s="3"/>
      <c r="AR1637" s="3"/>
      <c r="AS1637" s="3"/>
      <c r="AT1637" s="3"/>
    </row>
    <row r="1638" spans="1:46" ht="13.5" customHeight="1" x14ac:dyDescent="0.15">
      <c r="A1638" s="3">
        <v>1637</v>
      </c>
      <c r="B1638" s="30" t="s">
        <v>613</v>
      </c>
      <c r="C1638" s="27" t="s">
        <v>3269</v>
      </c>
      <c r="D1638" s="28">
        <v>146880</v>
      </c>
      <c r="E1638" s="29" t="s">
        <v>3311</v>
      </c>
      <c r="F1638" s="53" t="s">
        <v>3312</v>
      </c>
      <c r="G1638" s="27">
        <v>8</v>
      </c>
    </row>
    <row r="1639" spans="1:46" ht="13.5" customHeight="1" x14ac:dyDescent="0.15">
      <c r="A1639" s="3">
        <v>1638</v>
      </c>
      <c r="B1639" s="30" t="s">
        <v>613</v>
      </c>
      <c r="C1639" s="27" t="s">
        <v>884</v>
      </c>
      <c r="D1639" s="28">
        <v>147260</v>
      </c>
      <c r="E1639" s="29" t="s">
        <v>3423</v>
      </c>
      <c r="F1639" s="29" t="s">
        <v>3424</v>
      </c>
      <c r="G1639" s="27">
        <v>4</v>
      </c>
    </row>
    <row r="1640" spans="1:46" ht="13.5" customHeight="1" x14ac:dyDescent="0.15">
      <c r="A1640" s="3">
        <v>1639</v>
      </c>
      <c r="B1640" s="30" t="s">
        <v>613</v>
      </c>
      <c r="C1640" s="27" t="s">
        <v>3459</v>
      </c>
      <c r="D1640" s="28">
        <v>147300</v>
      </c>
      <c r="E1640" s="29" t="s">
        <v>3435</v>
      </c>
      <c r="F1640" s="29" t="s">
        <v>3458</v>
      </c>
      <c r="G1640" s="27">
        <v>4</v>
      </c>
    </row>
    <row r="1641" spans="1:46" ht="13.5" customHeight="1" x14ac:dyDescent="0.15">
      <c r="A1641" s="3">
        <v>1640</v>
      </c>
      <c r="B1641" s="30" t="s">
        <v>613</v>
      </c>
      <c r="C1641" s="27" t="s">
        <v>884</v>
      </c>
      <c r="D1641" s="28">
        <v>147500</v>
      </c>
      <c r="E1641" s="29" t="s">
        <v>3493</v>
      </c>
      <c r="F1641" s="29" t="s">
        <v>3494</v>
      </c>
      <c r="G1641" s="27">
        <v>5</v>
      </c>
    </row>
    <row r="1642" spans="1:46" ht="13.5" customHeight="1" x14ac:dyDescent="0.15">
      <c r="A1642" s="3">
        <v>1641</v>
      </c>
      <c r="B1642" s="30" t="s">
        <v>613</v>
      </c>
      <c r="C1642" s="27" t="s">
        <v>3562</v>
      </c>
      <c r="D1642" s="28">
        <v>147590</v>
      </c>
      <c r="E1642" s="42" t="s">
        <v>3512</v>
      </c>
      <c r="F1642" s="29" t="s">
        <v>3551</v>
      </c>
      <c r="G1642" s="27">
        <v>8</v>
      </c>
    </row>
    <row r="1643" spans="1:46" ht="13.5" customHeight="1" x14ac:dyDescent="0.15">
      <c r="A1643" s="3">
        <v>1642</v>
      </c>
      <c r="B1643" s="30" t="s">
        <v>613</v>
      </c>
      <c r="C1643" s="27" t="s">
        <v>3562</v>
      </c>
      <c r="D1643" s="28">
        <v>147730</v>
      </c>
      <c r="E1643" s="42" t="s">
        <v>3526</v>
      </c>
      <c r="F1643" s="29" t="s">
        <v>3543</v>
      </c>
      <c r="G1643" s="27">
        <v>9</v>
      </c>
    </row>
    <row r="1644" spans="1:46" ht="13.5" customHeight="1" x14ac:dyDescent="0.15">
      <c r="A1644" s="3">
        <v>1643</v>
      </c>
      <c r="B1644" s="26" t="s">
        <v>1051</v>
      </c>
      <c r="C1644" s="27" t="s">
        <v>1987</v>
      </c>
      <c r="D1644" s="28">
        <v>851</v>
      </c>
      <c r="E1644" s="29" t="s">
        <v>609</v>
      </c>
      <c r="F1644" s="29" t="s">
        <v>403</v>
      </c>
      <c r="G1644" s="27">
        <v>3</v>
      </c>
    </row>
    <row r="1645" spans="1:46" ht="13.5" customHeight="1" x14ac:dyDescent="0.15">
      <c r="A1645" s="3">
        <v>1644</v>
      </c>
      <c r="B1645" s="26" t="s">
        <v>1051</v>
      </c>
      <c r="C1645" s="27" t="s">
        <v>1987</v>
      </c>
      <c r="D1645" s="28">
        <v>861</v>
      </c>
      <c r="E1645" s="29" t="s">
        <v>228</v>
      </c>
      <c r="F1645" s="29" t="s">
        <v>832</v>
      </c>
      <c r="G1645" s="27">
        <v>7</v>
      </c>
    </row>
    <row r="1646" spans="1:46" ht="13.5" customHeight="1" x14ac:dyDescent="0.15">
      <c r="A1646" s="3">
        <v>1645</v>
      </c>
      <c r="B1646" s="26" t="s">
        <v>1051</v>
      </c>
      <c r="C1646" s="27" t="s">
        <v>1987</v>
      </c>
      <c r="D1646" s="28">
        <v>871</v>
      </c>
      <c r="E1646" s="29" t="s">
        <v>1969</v>
      </c>
      <c r="F1646" s="29" t="s">
        <v>209</v>
      </c>
      <c r="G1646" s="27">
        <v>12</v>
      </c>
    </row>
    <row r="1647" spans="1:46" ht="13.5" customHeight="1" x14ac:dyDescent="0.15">
      <c r="A1647" s="3">
        <v>1646</v>
      </c>
      <c r="B1647" s="26" t="s">
        <v>1051</v>
      </c>
      <c r="C1647" s="27" t="s">
        <v>1987</v>
      </c>
      <c r="D1647" s="28">
        <v>881</v>
      </c>
      <c r="E1647" s="29" t="s">
        <v>479</v>
      </c>
      <c r="F1647" s="29" t="s">
        <v>207</v>
      </c>
      <c r="G1647" s="27">
        <v>3</v>
      </c>
    </row>
    <row r="1648" spans="1:46" ht="13.5" customHeight="1" x14ac:dyDescent="0.15">
      <c r="A1648" s="3">
        <v>1647</v>
      </c>
      <c r="B1648" s="26" t="s">
        <v>1051</v>
      </c>
      <c r="C1648" s="27" t="s">
        <v>1987</v>
      </c>
      <c r="D1648" s="28">
        <v>891</v>
      </c>
      <c r="E1648" s="29" t="s">
        <v>2730</v>
      </c>
      <c r="F1648" s="29" t="s">
        <v>208</v>
      </c>
      <c r="G1648" s="27">
        <v>3</v>
      </c>
    </row>
    <row r="1649" spans="1:46" ht="13.5" customHeight="1" x14ac:dyDescent="0.15">
      <c r="A1649" s="3">
        <v>1648</v>
      </c>
      <c r="B1649" s="26" t="s">
        <v>1051</v>
      </c>
      <c r="C1649" s="27" t="s">
        <v>1987</v>
      </c>
      <c r="D1649" s="28">
        <v>901</v>
      </c>
      <c r="E1649" s="29" t="s">
        <v>376</v>
      </c>
      <c r="F1649" s="29" t="s">
        <v>210</v>
      </c>
      <c r="G1649" s="27">
        <v>3</v>
      </c>
    </row>
    <row r="1650" spans="1:46" ht="13.5" customHeight="1" x14ac:dyDescent="0.15">
      <c r="A1650" s="3">
        <v>1649</v>
      </c>
      <c r="B1650" s="26" t="s">
        <v>3364</v>
      </c>
      <c r="C1650" s="27" t="s">
        <v>1987</v>
      </c>
      <c r="D1650" s="28">
        <v>961</v>
      </c>
      <c r="E1650" s="29" t="s">
        <v>3365</v>
      </c>
      <c r="F1650" s="29" t="s">
        <v>3597</v>
      </c>
      <c r="G1650" s="27">
        <v>6</v>
      </c>
    </row>
    <row r="1651" spans="1:46" ht="13.5" customHeight="1" x14ac:dyDescent="0.15">
      <c r="A1651" s="3">
        <v>1650</v>
      </c>
      <c r="B1651" s="30" t="s">
        <v>613</v>
      </c>
      <c r="C1651" s="27" t="s">
        <v>1987</v>
      </c>
      <c r="D1651" s="31">
        <v>2900</v>
      </c>
      <c r="E1651" s="32" t="s">
        <v>1222</v>
      </c>
      <c r="F1651" s="32" t="s">
        <v>1594</v>
      </c>
      <c r="G1651" s="27">
        <v>4</v>
      </c>
      <c r="H1651" s="3"/>
      <c r="I1651" s="3"/>
      <c r="J1651" s="3"/>
      <c r="K1651" s="3"/>
      <c r="L1651" s="3"/>
      <c r="M1651" s="3"/>
      <c r="N1651" s="3"/>
      <c r="O1651" s="3"/>
      <c r="P1651" s="3"/>
      <c r="Q1651" s="3"/>
      <c r="R1651" s="3"/>
      <c r="S1651" s="3"/>
      <c r="T1651" s="3"/>
      <c r="U1651" s="3"/>
      <c r="V1651" s="3"/>
      <c r="W1651" s="3"/>
      <c r="X1651" s="3"/>
      <c r="Y1651" s="3"/>
      <c r="Z1651" s="3"/>
      <c r="AA1651" s="3"/>
      <c r="AB1651" s="3"/>
      <c r="AC1651" s="3"/>
      <c r="AD1651" s="3"/>
      <c r="AE1651" s="3"/>
      <c r="AF1651" s="3"/>
      <c r="AG1651" s="3"/>
      <c r="AH1651" s="3"/>
      <c r="AI1651" s="3"/>
      <c r="AJ1651" s="3"/>
      <c r="AK1651" s="3"/>
      <c r="AL1651" s="3"/>
      <c r="AM1651" s="3"/>
      <c r="AN1651" s="3"/>
      <c r="AO1651" s="3"/>
      <c r="AP1651" s="3"/>
      <c r="AQ1651" s="3"/>
      <c r="AR1651" s="3"/>
      <c r="AS1651" s="3"/>
      <c r="AT1651" s="3"/>
    </row>
    <row r="1652" spans="1:46" ht="13.5" customHeight="1" x14ac:dyDescent="0.15">
      <c r="A1652" s="3">
        <v>1651</v>
      </c>
      <c r="B1652" s="30" t="s">
        <v>613</v>
      </c>
      <c r="C1652" s="27" t="s">
        <v>1987</v>
      </c>
      <c r="D1652" s="31">
        <v>3520</v>
      </c>
      <c r="E1652" s="32" t="s">
        <v>2080</v>
      </c>
      <c r="F1652" s="32" t="s">
        <v>628</v>
      </c>
      <c r="G1652" s="27">
        <v>12</v>
      </c>
      <c r="H1652" s="3"/>
      <c r="I1652" s="3"/>
      <c r="J1652" s="3"/>
      <c r="K1652" s="3"/>
      <c r="L1652" s="3"/>
      <c r="M1652" s="3"/>
      <c r="N1652" s="3"/>
      <c r="O1652" s="3"/>
      <c r="P1652" s="3"/>
      <c r="Q1652" s="3"/>
      <c r="R1652" s="3"/>
      <c r="S1652" s="3"/>
      <c r="T1652" s="3"/>
      <c r="U1652" s="3"/>
      <c r="V1652" s="3"/>
      <c r="W1652" s="3"/>
      <c r="X1652" s="3"/>
      <c r="Y1652" s="3"/>
      <c r="Z1652" s="3"/>
      <c r="AA1652" s="3"/>
      <c r="AB1652" s="3"/>
      <c r="AC1652" s="3"/>
      <c r="AD1652" s="3"/>
      <c r="AE1652" s="3"/>
      <c r="AF1652" s="3"/>
      <c r="AG1652" s="3"/>
      <c r="AH1652" s="3"/>
      <c r="AI1652" s="3"/>
      <c r="AJ1652" s="3"/>
      <c r="AK1652" s="3"/>
      <c r="AL1652" s="3"/>
      <c r="AM1652" s="3"/>
      <c r="AN1652" s="3"/>
      <c r="AO1652" s="3"/>
      <c r="AP1652" s="3"/>
      <c r="AQ1652" s="3"/>
      <c r="AR1652" s="3"/>
      <c r="AS1652" s="3"/>
      <c r="AT1652" s="3"/>
    </row>
    <row r="1653" spans="1:46" ht="13.5" customHeight="1" x14ac:dyDescent="0.15">
      <c r="A1653" s="3">
        <v>1652</v>
      </c>
      <c r="B1653" s="30" t="s">
        <v>613</v>
      </c>
      <c r="C1653" s="27" t="s">
        <v>1987</v>
      </c>
      <c r="D1653" s="31">
        <v>3970</v>
      </c>
      <c r="E1653" s="32" t="s">
        <v>2058</v>
      </c>
      <c r="F1653" s="32" t="s">
        <v>416</v>
      </c>
      <c r="G1653" s="27">
        <v>3</v>
      </c>
      <c r="H1653" s="3"/>
      <c r="I1653" s="3"/>
      <c r="J1653" s="3"/>
      <c r="K1653" s="3"/>
      <c r="L1653" s="3"/>
      <c r="M1653" s="3"/>
      <c r="N1653" s="3"/>
      <c r="O1653" s="3"/>
      <c r="P1653" s="3"/>
      <c r="Q1653" s="3"/>
      <c r="R1653" s="3"/>
      <c r="S1653" s="3"/>
      <c r="T1653" s="3"/>
      <c r="U1653" s="3"/>
      <c r="V1653" s="3"/>
      <c r="W1653" s="3"/>
      <c r="X1653" s="3"/>
      <c r="Y1653" s="3"/>
      <c r="Z1653" s="3"/>
      <c r="AA1653" s="3"/>
      <c r="AB1653" s="3"/>
      <c r="AC1653" s="3"/>
      <c r="AD1653" s="3"/>
      <c r="AE1653" s="3"/>
      <c r="AF1653" s="3"/>
      <c r="AG1653" s="3"/>
      <c r="AH1653" s="3"/>
      <c r="AI1653" s="3"/>
      <c r="AJ1653" s="3"/>
      <c r="AK1653" s="3"/>
      <c r="AL1653" s="3"/>
      <c r="AM1653" s="3"/>
      <c r="AN1653" s="3"/>
      <c r="AO1653" s="3"/>
      <c r="AP1653" s="3"/>
      <c r="AQ1653" s="3"/>
      <c r="AR1653" s="3"/>
      <c r="AS1653" s="3"/>
      <c r="AT1653" s="3"/>
    </row>
    <row r="1654" spans="1:46" ht="13.5" customHeight="1" x14ac:dyDescent="0.15">
      <c r="A1654" s="3">
        <v>1653</v>
      </c>
      <c r="B1654" s="30" t="s">
        <v>613</v>
      </c>
      <c r="C1654" s="27" t="s">
        <v>1987</v>
      </c>
      <c r="D1654" s="31">
        <v>4060</v>
      </c>
      <c r="E1654" s="32" t="s">
        <v>959</v>
      </c>
      <c r="F1654" s="32" t="s">
        <v>645</v>
      </c>
      <c r="G1654" s="27">
        <v>12</v>
      </c>
      <c r="H1654" s="3"/>
      <c r="I1654" s="3"/>
      <c r="J1654" s="3"/>
      <c r="K1654" s="3"/>
      <c r="L1654" s="3"/>
      <c r="M1654" s="3"/>
      <c r="N1654" s="3"/>
      <c r="O1654" s="3"/>
      <c r="P1654" s="3"/>
      <c r="Q1654" s="3"/>
      <c r="R1654" s="3"/>
      <c r="S1654" s="3"/>
      <c r="T1654" s="3"/>
      <c r="U1654" s="3"/>
      <c r="V1654" s="3"/>
      <c r="W1654" s="3"/>
      <c r="X1654" s="3"/>
      <c r="Y1654" s="3"/>
      <c r="Z1654" s="3"/>
      <c r="AA1654" s="3"/>
      <c r="AB1654" s="3"/>
      <c r="AC1654" s="3"/>
      <c r="AD1654" s="3"/>
      <c r="AE1654" s="3"/>
      <c r="AF1654" s="3"/>
      <c r="AG1654" s="3"/>
      <c r="AH1654" s="3"/>
      <c r="AI1654" s="3"/>
      <c r="AJ1654" s="3"/>
      <c r="AK1654" s="3"/>
      <c r="AL1654" s="3"/>
      <c r="AM1654" s="3"/>
      <c r="AN1654" s="3"/>
      <c r="AO1654" s="3"/>
      <c r="AP1654" s="3"/>
      <c r="AQ1654" s="3"/>
      <c r="AR1654" s="3"/>
      <c r="AS1654" s="3"/>
      <c r="AT1654" s="3"/>
    </row>
    <row r="1655" spans="1:46" ht="13.5" customHeight="1" x14ac:dyDescent="0.15">
      <c r="A1655" s="3">
        <v>1654</v>
      </c>
      <c r="B1655" s="30" t="s">
        <v>613</v>
      </c>
      <c r="C1655" s="27" t="s">
        <v>1987</v>
      </c>
      <c r="D1655" s="31">
        <v>4530</v>
      </c>
      <c r="E1655" s="32" t="s">
        <v>772</v>
      </c>
      <c r="F1655" s="32" t="s">
        <v>2295</v>
      </c>
      <c r="G1655" s="27">
        <v>6</v>
      </c>
      <c r="H1655" s="3"/>
      <c r="I1655" s="3"/>
      <c r="J1655" s="3"/>
      <c r="K1655" s="3"/>
      <c r="L1655" s="3"/>
      <c r="M1655" s="3"/>
      <c r="N1655" s="3"/>
      <c r="O1655" s="3"/>
      <c r="P1655" s="3"/>
      <c r="Q1655" s="3"/>
      <c r="R1655" s="3"/>
      <c r="S1655" s="3"/>
      <c r="T1655" s="3"/>
      <c r="U1655" s="3"/>
      <c r="V1655" s="3"/>
      <c r="W1655" s="3"/>
      <c r="X1655" s="3"/>
      <c r="Y1655" s="3"/>
      <c r="Z1655" s="3"/>
      <c r="AA1655" s="3"/>
      <c r="AB1655" s="3"/>
      <c r="AC1655" s="3"/>
      <c r="AD1655" s="3"/>
      <c r="AE1655" s="3"/>
      <c r="AF1655" s="3"/>
      <c r="AG1655" s="3"/>
      <c r="AH1655" s="3"/>
      <c r="AI1655" s="3"/>
      <c r="AJ1655" s="3"/>
      <c r="AK1655" s="3"/>
      <c r="AL1655" s="3"/>
      <c r="AM1655" s="3"/>
      <c r="AN1655" s="3"/>
      <c r="AO1655" s="3"/>
      <c r="AP1655" s="3"/>
      <c r="AQ1655" s="3"/>
      <c r="AR1655" s="3"/>
      <c r="AS1655" s="3"/>
      <c r="AT1655" s="3"/>
    </row>
    <row r="1656" spans="1:46" ht="13.5" customHeight="1" x14ac:dyDescent="0.15">
      <c r="A1656" s="3">
        <v>1655</v>
      </c>
      <c r="B1656" s="30" t="s">
        <v>613</v>
      </c>
      <c r="C1656" s="27" t="s">
        <v>1987</v>
      </c>
      <c r="D1656" s="31">
        <v>4750</v>
      </c>
      <c r="E1656" s="32" t="s">
        <v>1209</v>
      </c>
      <c r="F1656" s="32" t="s">
        <v>1866</v>
      </c>
      <c r="G1656" s="27">
        <v>12</v>
      </c>
      <c r="H1656" s="3"/>
      <c r="I1656" s="3"/>
      <c r="J1656" s="3"/>
      <c r="K1656" s="3"/>
      <c r="L1656" s="3"/>
      <c r="M1656" s="3"/>
      <c r="N1656" s="3"/>
      <c r="O1656" s="3"/>
      <c r="P1656" s="3"/>
      <c r="Q1656" s="3"/>
      <c r="R1656" s="3"/>
      <c r="S1656" s="3"/>
      <c r="T1656" s="3"/>
      <c r="U1656" s="3"/>
      <c r="V1656" s="3"/>
      <c r="W1656" s="3"/>
      <c r="X1656" s="3"/>
      <c r="Y1656" s="3"/>
      <c r="Z1656" s="3"/>
      <c r="AA1656" s="3"/>
      <c r="AB1656" s="3"/>
      <c r="AC1656" s="3"/>
      <c r="AD1656" s="3"/>
      <c r="AE1656" s="3"/>
      <c r="AF1656" s="3"/>
      <c r="AG1656" s="3"/>
      <c r="AH1656" s="3"/>
      <c r="AI1656" s="3"/>
      <c r="AJ1656" s="3"/>
      <c r="AK1656" s="3"/>
      <c r="AL1656" s="3"/>
      <c r="AM1656" s="3"/>
      <c r="AN1656" s="3"/>
      <c r="AO1656" s="3"/>
      <c r="AP1656" s="3"/>
      <c r="AQ1656" s="3"/>
      <c r="AR1656" s="3"/>
      <c r="AS1656" s="3"/>
      <c r="AT1656" s="3"/>
    </row>
    <row r="1657" spans="1:46" ht="13.5" customHeight="1" x14ac:dyDescent="0.15">
      <c r="A1657" s="3">
        <v>1656</v>
      </c>
      <c r="B1657" s="30" t="s">
        <v>613</v>
      </c>
      <c r="C1657" s="27" t="s">
        <v>1128</v>
      </c>
      <c r="D1657" s="31">
        <v>6100</v>
      </c>
      <c r="E1657" s="32" t="s">
        <v>1633</v>
      </c>
      <c r="F1657" s="32" t="s">
        <v>1641</v>
      </c>
      <c r="G1657" s="27">
        <v>6</v>
      </c>
      <c r="H1657" s="3"/>
      <c r="I1657" s="3"/>
      <c r="J1657" s="3"/>
      <c r="K1657" s="3"/>
      <c r="L1657" s="3"/>
      <c r="M1657" s="3"/>
      <c r="N1657" s="3"/>
      <c r="O1657" s="3"/>
      <c r="P1657" s="3"/>
      <c r="Q1657" s="3"/>
      <c r="R1657" s="3"/>
      <c r="S1657" s="3"/>
      <c r="T1657" s="3"/>
      <c r="U1657" s="3"/>
      <c r="V1657" s="3"/>
      <c r="W1657" s="3"/>
      <c r="X1657" s="3"/>
      <c r="Y1657" s="3"/>
      <c r="Z1657" s="3"/>
      <c r="AA1657" s="3"/>
      <c r="AB1657" s="3"/>
      <c r="AC1657" s="3"/>
      <c r="AD1657" s="3"/>
      <c r="AE1657" s="3"/>
      <c r="AF1657" s="3"/>
      <c r="AG1657" s="3"/>
      <c r="AH1657" s="3"/>
      <c r="AI1657" s="3"/>
      <c r="AJ1657" s="3"/>
      <c r="AK1657" s="3"/>
      <c r="AL1657" s="3"/>
      <c r="AM1657" s="3"/>
      <c r="AN1657" s="3"/>
      <c r="AO1657" s="3"/>
      <c r="AP1657" s="3"/>
      <c r="AQ1657" s="3"/>
      <c r="AR1657" s="3"/>
      <c r="AS1657" s="3"/>
      <c r="AT1657" s="3"/>
    </row>
    <row r="1658" spans="1:46" ht="13.5" customHeight="1" x14ac:dyDescent="0.15">
      <c r="A1658" s="3">
        <v>1657</v>
      </c>
      <c r="B1658" s="30" t="s">
        <v>613</v>
      </c>
      <c r="C1658" s="27" t="s">
        <v>1987</v>
      </c>
      <c r="D1658" s="31">
        <v>6380</v>
      </c>
      <c r="E1658" s="32" t="s">
        <v>2020</v>
      </c>
      <c r="F1658" s="32" t="s">
        <v>646</v>
      </c>
      <c r="G1658" s="27">
        <v>12</v>
      </c>
      <c r="H1658" s="4"/>
      <c r="I1658" s="4"/>
      <c r="J1658" s="4"/>
      <c r="K1658" s="4"/>
      <c r="L1658" s="4"/>
      <c r="M1658" s="4"/>
      <c r="N1658" s="4"/>
      <c r="O1658" s="4"/>
      <c r="P1658" s="4"/>
      <c r="Q1658" s="4"/>
      <c r="R1658" s="4"/>
      <c r="S1658" s="4"/>
      <c r="T1658" s="4"/>
      <c r="U1658" s="4"/>
      <c r="V1658" s="4"/>
      <c r="W1658" s="4"/>
      <c r="X1658" s="4"/>
      <c r="Y1658" s="4"/>
      <c r="Z1658" s="4"/>
      <c r="AA1658" s="4"/>
      <c r="AB1658" s="4"/>
      <c r="AC1658" s="4"/>
      <c r="AD1658" s="4"/>
      <c r="AE1658" s="4"/>
      <c r="AF1658" s="4"/>
      <c r="AG1658" s="4"/>
      <c r="AH1658" s="4"/>
      <c r="AI1658" s="4"/>
      <c r="AJ1658" s="4"/>
      <c r="AK1658" s="4"/>
      <c r="AL1658" s="4"/>
      <c r="AM1658" s="4"/>
      <c r="AN1658" s="4"/>
      <c r="AO1658" s="4"/>
      <c r="AP1658" s="4"/>
      <c r="AQ1658" s="4"/>
      <c r="AR1658" s="4"/>
      <c r="AS1658" s="4"/>
      <c r="AT1658" s="4"/>
    </row>
    <row r="1659" spans="1:46" ht="13.5" customHeight="1" x14ac:dyDescent="0.15">
      <c r="A1659" s="3">
        <v>1658</v>
      </c>
      <c r="B1659" s="30" t="s">
        <v>613</v>
      </c>
      <c r="C1659" s="27" t="s">
        <v>1987</v>
      </c>
      <c r="D1659" s="31">
        <v>7110</v>
      </c>
      <c r="E1659" s="32" t="s">
        <v>334</v>
      </c>
      <c r="F1659" s="32" t="s">
        <v>544</v>
      </c>
      <c r="G1659" s="27">
        <v>6</v>
      </c>
      <c r="H1659" s="3"/>
      <c r="I1659" s="3"/>
      <c r="J1659" s="3"/>
      <c r="K1659" s="3"/>
      <c r="L1659" s="3"/>
      <c r="M1659" s="3"/>
      <c r="N1659" s="3"/>
      <c r="O1659" s="3"/>
      <c r="P1659" s="3"/>
      <c r="Q1659" s="3"/>
      <c r="R1659" s="3"/>
      <c r="S1659" s="3"/>
      <c r="T1659" s="3"/>
      <c r="U1659" s="3"/>
      <c r="V1659" s="3"/>
      <c r="W1659" s="3"/>
      <c r="X1659" s="3"/>
      <c r="Y1659" s="3"/>
      <c r="Z1659" s="3"/>
      <c r="AA1659" s="3"/>
      <c r="AB1659" s="3"/>
      <c r="AC1659" s="3"/>
      <c r="AD1659" s="3"/>
      <c r="AE1659" s="3"/>
      <c r="AF1659" s="3"/>
      <c r="AG1659" s="3"/>
      <c r="AH1659" s="3"/>
      <c r="AI1659" s="3"/>
      <c r="AJ1659" s="3"/>
      <c r="AK1659" s="3"/>
      <c r="AL1659" s="3"/>
      <c r="AM1659" s="3"/>
      <c r="AN1659" s="3"/>
      <c r="AO1659" s="3"/>
      <c r="AP1659" s="3"/>
      <c r="AQ1659" s="3"/>
      <c r="AR1659" s="3"/>
      <c r="AS1659" s="3"/>
      <c r="AT1659" s="3"/>
    </row>
    <row r="1660" spans="1:46" ht="13.5" customHeight="1" x14ac:dyDescent="0.15">
      <c r="A1660" s="3">
        <v>1659</v>
      </c>
      <c r="B1660" s="30" t="s">
        <v>613</v>
      </c>
      <c r="C1660" s="27" t="s">
        <v>1987</v>
      </c>
      <c r="D1660" s="31">
        <v>8870</v>
      </c>
      <c r="E1660" s="32" t="s">
        <v>926</v>
      </c>
      <c r="F1660" s="32" t="s">
        <v>1597</v>
      </c>
      <c r="G1660" s="27">
        <v>12</v>
      </c>
      <c r="H1660" s="3"/>
      <c r="I1660" s="3"/>
      <c r="J1660" s="3"/>
      <c r="K1660" s="3"/>
      <c r="L1660" s="3"/>
      <c r="M1660" s="3"/>
      <c r="N1660" s="3"/>
      <c r="O1660" s="3"/>
      <c r="P1660" s="3"/>
      <c r="Q1660" s="3"/>
      <c r="R1660" s="3"/>
      <c r="S1660" s="3"/>
      <c r="T1660" s="3"/>
      <c r="U1660" s="3"/>
      <c r="V1660" s="3"/>
      <c r="W1660" s="3"/>
      <c r="X1660" s="3"/>
      <c r="Y1660" s="3"/>
      <c r="Z1660" s="3"/>
      <c r="AA1660" s="3"/>
      <c r="AB1660" s="3"/>
      <c r="AC1660" s="3"/>
      <c r="AD1660" s="3"/>
      <c r="AE1660" s="3"/>
      <c r="AF1660" s="3"/>
      <c r="AG1660" s="3"/>
      <c r="AH1660" s="3"/>
      <c r="AI1660" s="3"/>
      <c r="AJ1660" s="3"/>
      <c r="AK1660" s="3"/>
      <c r="AL1660" s="3"/>
      <c r="AM1660" s="3"/>
      <c r="AN1660" s="3"/>
      <c r="AO1660" s="3"/>
      <c r="AP1660" s="3"/>
      <c r="AQ1660" s="3"/>
      <c r="AR1660" s="3"/>
      <c r="AS1660" s="3"/>
      <c r="AT1660" s="3"/>
    </row>
    <row r="1661" spans="1:46" ht="13.5" customHeight="1" x14ac:dyDescent="0.15">
      <c r="A1661" s="3">
        <v>1660</v>
      </c>
      <c r="B1661" s="30" t="s">
        <v>613</v>
      </c>
      <c r="C1661" s="27" t="s">
        <v>1987</v>
      </c>
      <c r="D1661" s="31">
        <v>9330</v>
      </c>
      <c r="E1661" s="32" t="s">
        <v>744</v>
      </c>
      <c r="F1661" s="32" t="s">
        <v>178</v>
      </c>
      <c r="G1661" s="27">
        <v>12</v>
      </c>
      <c r="H1661" s="3"/>
      <c r="I1661" s="3"/>
      <c r="J1661" s="3"/>
      <c r="K1661" s="3"/>
      <c r="L1661" s="3"/>
      <c r="M1661" s="3"/>
      <c r="N1661" s="3"/>
      <c r="O1661" s="3"/>
      <c r="P1661" s="3"/>
      <c r="Q1661" s="3"/>
      <c r="R1661" s="3"/>
      <c r="S1661" s="3"/>
      <c r="T1661" s="3"/>
      <c r="U1661" s="3"/>
      <c r="V1661" s="3"/>
      <c r="W1661" s="3"/>
      <c r="X1661" s="3"/>
      <c r="Y1661" s="3"/>
      <c r="Z1661" s="3"/>
      <c r="AA1661" s="3"/>
      <c r="AB1661" s="3"/>
      <c r="AC1661" s="3"/>
      <c r="AD1661" s="3"/>
      <c r="AE1661" s="3"/>
      <c r="AF1661" s="3"/>
      <c r="AG1661" s="3"/>
      <c r="AH1661" s="3"/>
      <c r="AI1661" s="3"/>
      <c r="AJ1661" s="3"/>
      <c r="AK1661" s="3"/>
      <c r="AL1661" s="3"/>
      <c r="AM1661" s="3"/>
      <c r="AN1661" s="3"/>
      <c r="AO1661" s="3"/>
      <c r="AP1661" s="3"/>
      <c r="AQ1661" s="3"/>
      <c r="AR1661" s="3"/>
      <c r="AS1661" s="3"/>
      <c r="AT1661" s="3"/>
    </row>
    <row r="1662" spans="1:46" ht="13.5" customHeight="1" x14ac:dyDescent="0.15">
      <c r="A1662" s="3">
        <v>1661</v>
      </c>
      <c r="B1662" s="30" t="s">
        <v>613</v>
      </c>
      <c r="C1662" s="27" t="s">
        <v>1987</v>
      </c>
      <c r="D1662" s="31">
        <v>10730</v>
      </c>
      <c r="E1662" s="32" t="s">
        <v>1785</v>
      </c>
      <c r="F1662" s="32" t="s">
        <v>701</v>
      </c>
      <c r="G1662" s="27">
        <v>12</v>
      </c>
      <c r="H1662" s="3"/>
      <c r="I1662" s="3"/>
      <c r="J1662" s="3"/>
      <c r="K1662" s="3"/>
      <c r="L1662" s="3"/>
      <c r="M1662" s="3"/>
      <c r="N1662" s="3"/>
      <c r="O1662" s="3"/>
      <c r="P1662" s="3"/>
      <c r="Q1662" s="3"/>
      <c r="R1662" s="3"/>
      <c r="S1662" s="3"/>
      <c r="T1662" s="3"/>
      <c r="U1662" s="3"/>
      <c r="V1662" s="3"/>
      <c r="W1662" s="3"/>
      <c r="X1662" s="3"/>
      <c r="Y1662" s="3"/>
      <c r="Z1662" s="3"/>
      <c r="AA1662" s="3"/>
      <c r="AB1662" s="3"/>
      <c r="AC1662" s="3"/>
      <c r="AD1662" s="3"/>
      <c r="AE1662" s="3"/>
      <c r="AF1662" s="3"/>
      <c r="AG1662" s="3"/>
      <c r="AH1662" s="3"/>
      <c r="AI1662" s="3"/>
      <c r="AJ1662" s="3"/>
      <c r="AK1662" s="3"/>
      <c r="AL1662" s="3"/>
      <c r="AM1662" s="3"/>
      <c r="AN1662" s="3"/>
      <c r="AO1662" s="3"/>
      <c r="AP1662" s="3"/>
      <c r="AQ1662" s="3"/>
      <c r="AR1662" s="3"/>
      <c r="AS1662" s="3"/>
      <c r="AT1662" s="3"/>
    </row>
    <row r="1663" spans="1:46" ht="13.5" customHeight="1" x14ac:dyDescent="0.15">
      <c r="A1663" s="3">
        <v>1662</v>
      </c>
      <c r="B1663" s="30" t="s">
        <v>613</v>
      </c>
      <c r="C1663" s="27" t="s">
        <v>1987</v>
      </c>
      <c r="D1663" s="31">
        <v>11230</v>
      </c>
      <c r="E1663" s="32" t="s">
        <v>1818</v>
      </c>
      <c r="F1663" s="32" t="s">
        <v>412</v>
      </c>
      <c r="G1663" s="27">
        <v>2</v>
      </c>
      <c r="H1663" s="3"/>
      <c r="I1663" s="3"/>
      <c r="J1663" s="3"/>
      <c r="K1663" s="3"/>
      <c r="L1663" s="3"/>
      <c r="M1663" s="3"/>
      <c r="N1663" s="3"/>
      <c r="O1663" s="3"/>
      <c r="P1663" s="3"/>
      <c r="Q1663" s="3"/>
      <c r="R1663" s="3"/>
      <c r="S1663" s="3"/>
      <c r="T1663" s="3"/>
      <c r="U1663" s="3"/>
      <c r="V1663" s="3"/>
      <c r="W1663" s="3"/>
      <c r="X1663" s="3"/>
      <c r="Y1663" s="3"/>
      <c r="Z1663" s="3"/>
      <c r="AA1663" s="3"/>
      <c r="AB1663" s="3"/>
      <c r="AC1663" s="3"/>
      <c r="AD1663" s="3"/>
      <c r="AE1663" s="3"/>
      <c r="AF1663" s="3"/>
      <c r="AG1663" s="3"/>
      <c r="AH1663" s="3"/>
      <c r="AI1663" s="3"/>
      <c r="AJ1663" s="3"/>
      <c r="AK1663" s="3"/>
      <c r="AL1663" s="3"/>
      <c r="AM1663" s="3"/>
      <c r="AN1663" s="3"/>
      <c r="AO1663" s="3"/>
      <c r="AP1663" s="3"/>
      <c r="AQ1663" s="3"/>
      <c r="AR1663" s="3"/>
      <c r="AS1663" s="3"/>
      <c r="AT1663" s="3"/>
    </row>
    <row r="1664" spans="1:46" ht="13.5" customHeight="1" x14ac:dyDescent="0.15">
      <c r="A1664" s="3">
        <v>1663</v>
      </c>
      <c r="B1664" s="30" t="s">
        <v>613</v>
      </c>
      <c r="C1664" s="27" t="s">
        <v>1987</v>
      </c>
      <c r="D1664" s="31">
        <v>11340</v>
      </c>
      <c r="E1664" s="32" t="s">
        <v>1820</v>
      </c>
      <c r="F1664" s="32" t="s">
        <v>51</v>
      </c>
      <c r="G1664" s="27">
        <v>12</v>
      </c>
      <c r="H1664" s="3"/>
      <c r="I1664" s="3"/>
      <c r="J1664" s="3"/>
      <c r="K1664" s="3"/>
      <c r="L1664" s="3"/>
      <c r="M1664" s="3"/>
      <c r="N1664" s="3"/>
      <c r="O1664" s="3"/>
      <c r="P1664" s="3"/>
      <c r="Q1664" s="3"/>
      <c r="R1664" s="3"/>
      <c r="S1664" s="3"/>
      <c r="T1664" s="3"/>
      <c r="U1664" s="3"/>
      <c r="V1664" s="3"/>
      <c r="W1664" s="3"/>
      <c r="X1664" s="3"/>
      <c r="Y1664" s="3"/>
      <c r="Z1664" s="3"/>
      <c r="AA1664" s="3"/>
      <c r="AB1664" s="3"/>
      <c r="AC1664" s="3"/>
      <c r="AD1664" s="3"/>
      <c r="AE1664" s="3"/>
      <c r="AF1664" s="3"/>
      <c r="AG1664" s="3"/>
      <c r="AH1664" s="3"/>
      <c r="AI1664" s="3"/>
      <c r="AJ1664" s="3"/>
      <c r="AK1664" s="3"/>
      <c r="AL1664" s="3"/>
      <c r="AM1664" s="3"/>
      <c r="AN1664" s="3"/>
      <c r="AO1664" s="3"/>
      <c r="AP1664" s="3"/>
      <c r="AQ1664" s="3"/>
      <c r="AR1664" s="3"/>
      <c r="AS1664" s="3"/>
      <c r="AT1664" s="3"/>
    </row>
    <row r="1665" spans="1:46" ht="13.5" customHeight="1" x14ac:dyDescent="0.15">
      <c r="A1665" s="3">
        <v>1664</v>
      </c>
      <c r="B1665" s="30" t="s">
        <v>613</v>
      </c>
      <c r="C1665" s="27" t="s">
        <v>1987</v>
      </c>
      <c r="D1665" s="31">
        <v>11360</v>
      </c>
      <c r="E1665" s="32" t="s">
        <v>1821</v>
      </c>
      <c r="F1665" s="32" t="s">
        <v>2294</v>
      </c>
      <c r="G1665" s="27">
        <v>9</v>
      </c>
      <c r="H1665" s="3"/>
      <c r="I1665" s="3"/>
      <c r="J1665" s="3"/>
      <c r="K1665" s="3"/>
      <c r="L1665" s="3"/>
      <c r="M1665" s="3"/>
      <c r="N1665" s="3"/>
      <c r="O1665" s="3"/>
      <c r="P1665" s="3"/>
      <c r="Q1665" s="3"/>
      <c r="R1665" s="3"/>
      <c r="S1665" s="3"/>
      <c r="T1665" s="3"/>
      <c r="U1665" s="3"/>
      <c r="V1665" s="3"/>
      <c r="W1665" s="3"/>
      <c r="X1665" s="3"/>
      <c r="Y1665" s="3"/>
      <c r="Z1665" s="3"/>
      <c r="AA1665" s="3"/>
      <c r="AB1665" s="3"/>
      <c r="AC1665" s="3"/>
      <c r="AD1665" s="3"/>
      <c r="AE1665" s="3"/>
      <c r="AF1665" s="3"/>
      <c r="AG1665" s="3"/>
      <c r="AH1665" s="3"/>
      <c r="AI1665" s="3"/>
      <c r="AJ1665" s="3"/>
      <c r="AK1665" s="3"/>
      <c r="AL1665" s="3"/>
      <c r="AM1665" s="3"/>
      <c r="AN1665" s="3"/>
      <c r="AO1665" s="3"/>
      <c r="AP1665" s="3"/>
      <c r="AQ1665" s="3"/>
      <c r="AR1665" s="3"/>
      <c r="AS1665" s="3"/>
      <c r="AT1665" s="3"/>
    </row>
    <row r="1666" spans="1:46" ht="13.5" customHeight="1" x14ac:dyDescent="0.15">
      <c r="A1666" s="3">
        <v>1665</v>
      </c>
      <c r="B1666" s="30" t="s">
        <v>613</v>
      </c>
      <c r="C1666" s="27" t="s">
        <v>1987</v>
      </c>
      <c r="D1666" s="31">
        <v>12000</v>
      </c>
      <c r="E1666" s="32" t="s">
        <v>85</v>
      </c>
      <c r="F1666" s="32" t="s">
        <v>1524</v>
      </c>
      <c r="G1666" s="27">
        <v>12</v>
      </c>
      <c r="H1666" s="3"/>
      <c r="I1666" s="3"/>
      <c r="J1666" s="3"/>
      <c r="K1666" s="3"/>
      <c r="L1666" s="3"/>
      <c r="M1666" s="3"/>
      <c r="N1666" s="3"/>
      <c r="O1666" s="3"/>
      <c r="P1666" s="3"/>
      <c r="Q1666" s="3"/>
      <c r="R1666" s="3"/>
      <c r="S1666" s="3"/>
      <c r="T1666" s="3"/>
      <c r="U1666" s="3"/>
      <c r="V1666" s="3"/>
      <c r="W1666" s="3"/>
      <c r="X1666" s="3"/>
      <c r="Y1666" s="3"/>
      <c r="Z1666" s="3"/>
      <c r="AA1666" s="3"/>
      <c r="AB1666" s="3"/>
      <c r="AC1666" s="3"/>
      <c r="AD1666" s="3"/>
      <c r="AE1666" s="3"/>
      <c r="AF1666" s="3"/>
      <c r="AG1666" s="3"/>
      <c r="AH1666" s="3"/>
      <c r="AI1666" s="3"/>
      <c r="AJ1666" s="3"/>
      <c r="AK1666" s="3"/>
      <c r="AL1666" s="3"/>
      <c r="AM1666" s="3"/>
      <c r="AN1666" s="3"/>
      <c r="AO1666" s="3"/>
      <c r="AP1666" s="3"/>
      <c r="AQ1666" s="3"/>
      <c r="AR1666" s="3"/>
      <c r="AS1666" s="3"/>
      <c r="AT1666" s="3"/>
    </row>
    <row r="1667" spans="1:46" ht="13.5" customHeight="1" x14ac:dyDescent="0.15">
      <c r="A1667" s="3">
        <v>1666</v>
      </c>
      <c r="B1667" s="30" t="s">
        <v>613</v>
      </c>
      <c r="C1667" s="27" t="s">
        <v>1987</v>
      </c>
      <c r="D1667" s="31">
        <v>13220</v>
      </c>
      <c r="E1667" s="32" t="s">
        <v>1815</v>
      </c>
      <c r="F1667" s="32" t="s">
        <v>413</v>
      </c>
      <c r="G1667" s="27">
        <v>2</v>
      </c>
      <c r="H1667" s="3"/>
      <c r="I1667" s="3"/>
      <c r="J1667" s="3"/>
      <c r="K1667" s="3"/>
      <c r="L1667" s="3"/>
      <c r="M1667" s="3"/>
      <c r="N1667" s="3"/>
      <c r="O1667" s="3"/>
      <c r="P1667" s="3"/>
      <c r="Q1667" s="3"/>
      <c r="R1667" s="3"/>
      <c r="S1667" s="3"/>
      <c r="T1667" s="3"/>
      <c r="U1667" s="3"/>
      <c r="V1667" s="3"/>
      <c r="W1667" s="3"/>
      <c r="X1667" s="3"/>
      <c r="Y1667" s="3"/>
      <c r="Z1667" s="3"/>
      <c r="AA1667" s="3"/>
      <c r="AB1667" s="3"/>
      <c r="AC1667" s="3"/>
      <c r="AD1667" s="3"/>
      <c r="AE1667" s="3"/>
      <c r="AF1667" s="3"/>
      <c r="AG1667" s="3"/>
      <c r="AH1667" s="3"/>
      <c r="AI1667" s="3"/>
      <c r="AJ1667" s="3"/>
      <c r="AK1667" s="3"/>
      <c r="AL1667" s="3"/>
      <c r="AM1667" s="3"/>
      <c r="AN1667" s="3"/>
      <c r="AO1667" s="3"/>
      <c r="AP1667" s="3"/>
      <c r="AQ1667" s="3"/>
      <c r="AR1667" s="3"/>
      <c r="AS1667" s="3"/>
      <c r="AT1667" s="3"/>
    </row>
    <row r="1668" spans="1:46" ht="13.5" customHeight="1" x14ac:dyDescent="0.15">
      <c r="A1668" s="3">
        <v>1667</v>
      </c>
      <c r="B1668" s="30" t="s">
        <v>613</v>
      </c>
      <c r="C1668" s="27" t="s">
        <v>1987</v>
      </c>
      <c r="D1668" s="31">
        <v>15540</v>
      </c>
      <c r="E1668" s="32" t="s">
        <v>1586</v>
      </c>
      <c r="F1668" s="32" t="s">
        <v>2794</v>
      </c>
      <c r="G1668" s="27">
        <v>12</v>
      </c>
      <c r="H1668" s="3"/>
      <c r="I1668" s="3"/>
      <c r="J1668" s="3"/>
      <c r="K1668" s="3"/>
      <c r="L1668" s="3"/>
      <c r="M1668" s="3"/>
      <c r="N1668" s="3"/>
      <c r="O1668" s="3"/>
      <c r="P1668" s="3"/>
      <c r="Q1668" s="3"/>
      <c r="R1668" s="3"/>
      <c r="S1668" s="3"/>
      <c r="T1668" s="3"/>
      <c r="U1668" s="3"/>
      <c r="V1668" s="3"/>
      <c r="W1668" s="3"/>
      <c r="X1668" s="3"/>
      <c r="Y1668" s="3"/>
      <c r="Z1668" s="3"/>
      <c r="AA1668" s="3"/>
      <c r="AB1668" s="3"/>
      <c r="AC1668" s="3"/>
      <c r="AD1668" s="3"/>
      <c r="AE1668" s="3"/>
      <c r="AF1668" s="3"/>
      <c r="AG1668" s="3"/>
      <c r="AH1668" s="3"/>
      <c r="AI1668" s="3"/>
      <c r="AJ1668" s="3"/>
      <c r="AK1668" s="3"/>
      <c r="AL1668" s="3"/>
      <c r="AM1668" s="3"/>
      <c r="AN1668" s="3"/>
      <c r="AO1668" s="3"/>
      <c r="AP1668" s="3"/>
      <c r="AQ1668" s="3"/>
      <c r="AR1668" s="3"/>
      <c r="AS1668" s="3"/>
      <c r="AT1668" s="3"/>
    </row>
    <row r="1669" spans="1:46" ht="13.5" customHeight="1" x14ac:dyDescent="0.15">
      <c r="A1669" s="3">
        <v>1668</v>
      </c>
      <c r="B1669" s="30" t="s">
        <v>613</v>
      </c>
      <c r="C1669" s="27" t="s">
        <v>1987</v>
      </c>
      <c r="D1669" s="31">
        <v>17080</v>
      </c>
      <c r="E1669" s="32" t="s">
        <v>1232</v>
      </c>
      <c r="F1669" s="32" t="s">
        <v>1767</v>
      </c>
      <c r="G1669" s="27">
        <v>12</v>
      </c>
      <c r="H1669" s="3"/>
      <c r="I1669" s="3"/>
      <c r="J1669" s="3"/>
      <c r="K1669" s="3"/>
      <c r="L1669" s="3"/>
      <c r="M1669" s="3"/>
      <c r="N1669" s="3"/>
      <c r="O1669" s="3"/>
      <c r="P1669" s="3"/>
      <c r="Q1669" s="3"/>
      <c r="R1669" s="3"/>
      <c r="S1669" s="3"/>
      <c r="T1669" s="3"/>
      <c r="U1669" s="3"/>
      <c r="V1669" s="3"/>
      <c r="W1669" s="3"/>
      <c r="X1669" s="3"/>
      <c r="Y1669" s="3"/>
      <c r="Z1669" s="3"/>
      <c r="AA1669" s="3"/>
      <c r="AB1669" s="3"/>
      <c r="AC1669" s="3"/>
      <c r="AD1669" s="3"/>
      <c r="AE1669" s="3"/>
      <c r="AF1669" s="3"/>
      <c r="AG1669" s="3"/>
      <c r="AH1669" s="3"/>
      <c r="AI1669" s="3"/>
      <c r="AJ1669" s="3"/>
      <c r="AK1669" s="3"/>
      <c r="AL1669" s="3"/>
      <c r="AM1669" s="3"/>
      <c r="AN1669" s="3"/>
      <c r="AO1669" s="3"/>
      <c r="AP1669" s="3"/>
      <c r="AQ1669" s="3"/>
      <c r="AR1669" s="3"/>
      <c r="AS1669" s="3"/>
      <c r="AT1669" s="3"/>
    </row>
    <row r="1670" spans="1:46" ht="13.5" customHeight="1" x14ac:dyDescent="0.15">
      <c r="A1670" s="3">
        <v>1669</v>
      </c>
      <c r="B1670" s="30" t="s">
        <v>613</v>
      </c>
      <c r="C1670" s="27" t="s">
        <v>1987</v>
      </c>
      <c r="D1670" s="31">
        <v>19960</v>
      </c>
      <c r="E1670" s="32" t="s">
        <v>729</v>
      </c>
      <c r="F1670" s="32" t="s">
        <v>1588</v>
      </c>
      <c r="G1670" s="27">
        <v>7</v>
      </c>
      <c r="H1670" s="3"/>
      <c r="I1670" s="3"/>
      <c r="J1670" s="3"/>
      <c r="K1670" s="3"/>
      <c r="L1670" s="3"/>
      <c r="M1670" s="3"/>
      <c r="N1670" s="3"/>
      <c r="O1670" s="3"/>
      <c r="P1670" s="3"/>
      <c r="Q1670" s="3"/>
      <c r="R1670" s="3"/>
      <c r="S1670" s="3"/>
      <c r="T1670" s="3"/>
      <c r="U1670" s="3"/>
      <c r="V1670" s="3"/>
      <c r="W1670" s="3"/>
      <c r="X1670" s="3"/>
      <c r="Y1670" s="3"/>
      <c r="Z1670" s="3"/>
      <c r="AA1670" s="3"/>
      <c r="AB1670" s="3"/>
      <c r="AC1670" s="3"/>
      <c r="AD1670" s="3"/>
      <c r="AE1670" s="3"/>
      <c r="AF1670" s="3"/>
      <c r="AG1670" s="3"/>
      <c r="AH1670" s="3"/>
      <c r="AI1670" s="3"/>
      <c r="AJ1670" s="3"/>
      <c r="AK1670" s="3"/>
      <c r="AL1670" s="3"/>
      <c r="AM1670" s="3"/>
      <c r="AN1670" s="3"/>
      <c r="AO1670" s="3"/>
      <c r="AP1670" s="3"/>
      <c r="AQ1670" s="3"/>
      <c r="AR1670" s="3"/>
      <c r="AS1670" s="3"/>
      <c r="AT1670" s="3"/>
    </row>
    <row r="1671" spans="1:46" ht="13.5" customHeight="1" x14ac:dyDescent="0.15">
      <c r="A1671" s="3">
        <v>1670</v>
      </c>
      <c r="B1671" s="30" t="s">
        <v>613</v>
      </c>
      <c r="C1671" s="27" t="s">
        <v>1987</v>
      </c>
      <c r="D1671" s="31">
        <v>20050</v>
      </c>
      <c r="E1671" s="32" t="s">
        <v>732</v>
      </c>
      <c r="F1671" s="32" t="s">
        <v>415</v>
      </c>
      <c r="G1671" s="27">
        <v>12</v>
      </c>
      <c r="H1671" s="3"/>
      <c r="I1671" s="3"/>
      <c r="J1671" s="3"/>
      <c r="K1671" s="3"/>
      <c r="L1671" s="3"/>
      <c r="M1671" s="3"/>
      <c r="N1671" s="3"/>
      <c r="O1671" s="3"/>
      <c r="P1671" s="3"/>
      <c r="Q1671" s="3"/>
      <c r="R1671" s="3"/>
      <c r="S1671" s="3"/>
      <c r="T1671" s="3"/>
      <c r="U1671" s="3"/>
      <c r="V1671" s="3"/>
      <c r="W1671" s="3"/>
      <c r="X1671" s="3"/>
      <c r="Y1671" s="3"/>
      <c r="Z1671" s="3"/>
      <c r="AA1671" s="3"/>
      <c r="AB1671" s="3"/>
      <c r="AC1671" s="3"/>
      <c r="AD1671" s="3"/>
      <c r="AE1671" s="3"/>
      <c r="AF1671" s="3"/>
      <c r="AG1671" s="3"/>
      <c r="AH1671" s="3"/>
      <c r="AI1671" s="3"/>
      <c r="AJ1671" s="3"/>
      <c r="AK1671" s="3"/>
      <c r="AL1671" s="3"/>
      <c r="AM1671" s="3"/>
      <c r="AN1671" s="3"/>
      <c r="AO1671" s="3"/>
      <c r="AP1671" s="3"/>
      <c r="AQ1671" s="3"/>
      <c r="AR1671" s="3"/>
      <c r="AS1671" s="3"/>
      <c r="AT1671" s="3"/>
    </row>
    <row r="1672" spans="1:46" ht="13.5" customHeight="1" x14ac:dyDescent="0.15">
      <c r="A1672" s="3">
        <v>1671</v>
      </c>
      <c r="B1672" s="30" t="s">
        <v>613</v>
      </c>
      <c r="C1672" s="27" t="s">
        <v>1987</v>
      </c>
      <c r="D1672" s="31">
        <v>20200</v>
      </c>
      <c r="E1672" s="32" t="s">
        <v>332</v>
      </c>
      <c r="F1672" s="32" t="s">
        <v>916</v>
      </c>
      <c r="G1672" s="27">
        <v>6</v>
      </c>
      <c r="H1672" s="3"/>
      <c r="I1672" s="3"/>
      <c r="J1672" s="3"/>
      <c r="K1672" s="3"/>
      <c r="L1672" s="3"/>
      <c r="M1672" s="3"/>
      <c r="N1672" s="3"/>
      <c r="O1672" s="3"/>
      <c r="P1672" s="3"/>
      <c r="Q1672" s="3"/>
      <c r="R1672" s="3"/>
      <c r="S1672" s="3"/>
      <c r="T1672" s="3"/>
      <c r="U1672" s="3"/>
      <c r="V1672" s="3"/>
      <c r="W1672" s="3"/>
      <c r="X1672" s="3"/>
      <c r="Y1672" s="3"/>
      <c r="Z1672" s="3"/>
      <c r="AA1672" s="3"/>
      <c r="AB1672" s="3"/>
      <c r="AC1672" s="3"/>
      <c r="AD1672" s="3"/>
      <c r="AE1672" s="3"/>
      <c r="AF1672" s="3"/>
      <c r="AG1672" s="3"/>
      <c r="AH1672" s="3"/>
      <c r="AI1672" s="3"/>
      <c r="AJ1672" s="3"/>
      <c r="AK1672" s="3"/>
      <c r="AL1672" s="3"/>
      <c r="AM1672" s="3"/>
      <c r="AN1672" s="3"/>
      <c r="AO1672" s="3"/>
      <c r="AP1672" s="3"/>
      <c r="AQ1672" s="3"/>
      <c r="AR1672" s="3"/>
      <c r="AS1672" s="3"/>
      <c r="AT1672" s="3"/>
    </row>
    <row r="1673" spans="1:46" ht="13.5" customHeight="1" x14ac:dyDescent="0.15">
      <c r="A1673" s="3">
        <v>1672</v>
      </c>
      <c r="B1673" s="30" t="s">
        <v>613</v>
      </c>
      <c r="C1673" s="27" t="s">
        <v>1987</v>
      </c>
      <c r="D1673" s="31">
        <v>23540</v>
      </c>
      <c r="E1673" s="32" t="s">
        <v>1040</v>
      </c>
      <c r="F1673" s="32" t="s">
        <v>1949</v>
      </c>
      <c r="G1673" s="27">
        <v>12</v>
      </c>
      <c r="H1673" s="3"/>
      <c r="I1673" s="3"/>
      <c r="J1673" s="3"/>
      <c r="K1673" s="3"/>
      <c r="L1673" s="3"/>
      <c r="M1673" s="3"/>
      <c r="N1673" s="3"/>
      <c r="O1673" s="3"/>
      <c r="P1673" s="3"/>
      <c r="Q1673" s="3"/>
      <c r="R1673" s="3"/>
      <c r="S1673" s="3"/>
      <c r="T1673" s="3"/>
      <c r="U1673" s="3"/>
      <c r="V1673" s="3"/>
      <c r="W1673" s="3"/>
      <c r="X1673" s="3"/>
      <c r="Y1673" s="3"/>
      <c r="Z1673" s="3"/>
      <c r="AA1673" s="3"/>
      <c r="AB1673" s="3"/>
      <c r="AC1673" s="3"/>
      <c r="AD1673" s="3"/>
      <c r="AE1673" s="3"/>
      <c r="AF1673" s="3"/>
      <c r="AG1673" s="3"/>
      <c r="AH1673" s="3"/>
      <c r="AI1673" s="3"/>
      <c r="AJ1673" s="3"/>
      <c r="AK1673" s="3"/>
      <c r="AL1673" s="3"/>
      <c r="AM1673" s="3"/>
      <c r="AN1673" s="3"/>
      <c r="AO1673" s="3"/>
      <c r="AP1673" s="3"/>
      <c r="AQ1673" s="3"/>
      <c r="AR1673" s="3"/>
      <c r="AS1673" s="3"/>
      <c r="AT1673" s="3"/>
    </row>
    <row r="1674" spans="1:46" ht="13.5" customHeight="1" x14ac:dyDescent="0.15">
      <c r="A1674" s="3">
        <v>1673</v>
      </c>
      <c r="B1674" s="30" t="s">
        <v>613</v>
      </c>
      <c r="C1674" s="27" t="s">
        <v>1987</v>
      </c>
      <c r="D1674" s="31">
        <v>24330</v>
      </c>
      <c r="E1674" s="32" t="s">
        <v>1565</v>
      </c>
      <c r="F1674" s="32" t="s">
        <v>727</v>
      </c>
      <c r="G1674" s="27">
        <v>12</v>
      </c>
      <c r="H1674" s="3"/>
      <c r="I1674" s="3"/>
      <c r="J1674" s="3"/>
      <c r="K1674" s="3"/>
      <c r="L1674" s="3"/>
      <c r="M1674" s="3"/>
      <c r="N1674" s="3"/>
      <c r="O1674" s="3"/>
      <c r="P1674" s="3"/>
      <c r="Q1674" s="3"/>
      <c r="R1674" s="3"/>
      <c r="S1674" s="3"/>
      <c r="T1674" s="3"/>
      <c r="U1674" s="3"/>
      <c r="V1674" s="3"/>
      <c r="W1674" s="3"/>
      <c r="X1674" s="3"/>
      <c r="Y1674" s="3"/>
      <c r="Z1674" s="3"/>
      <c r="AA1674" s="3"/>
      <c r="AB1674" s="3"/>
      <c r="AC1674" s="3"/>
      <c r="AD1674" s="3"/>
      <c r="AE1674" s="3"/>
      <c r="AF1674" s="3"/>
      <c r="AG1674" s="3"/>
      <c r="AH1674" s="3"/>
      <c r="AI1674" s="3"/>
      <c r="AJ1674" s="3"/>
      <c r="AK1674" s="3"/>
      <c r="AL1674" s="3"/>
      <c r="AM1674" s="3"/>
      <c r="AN1674" s="3"/>
      <c r="AO1674" s="3"/>
      <c r="AP1674" s="3"/>
      <c r="AQ1674" s="3"/>
      <c r="AR1674" s="3"/>
      <c r="AS1674" s="3"/>
      <c r="AT1674" s="3"/>
    </row>
    <row r="1675" spans="1:46" ht="13.5" customHeight="1" x14ac:dyDescent="0.15">
      <c r="A1675" s="3">
        <v>1674</v>
      </c>
      <c r="B1675" s="30" t="s">
        <v>613</v>
      </c>
      <c r="C1675" s="27" t="s">
        <v>1987</v>
      </c>
      <c r="D1675" s="31">
        <v>27110</v>
      </c>
      <c r="E1675" s="32" t="s">
        <v>572</v>
      </c>
      <c r="F1675" s="32" t="s">
        <v>1585</v>
      </c>
      <c r="G1675" s="27">
        <v>4</v>
      </c>
      <c r="H1675" s="3"/>
      <c r="I1675" s="3"/>
      <c r="J1675" s="3"/>
      <c r="K1675" s="3"/>
      <c r="L1675" s="3"/>
      <c r="M1675" s="3"/>
      <c r="N1675" s="3"/>
      <c r="O1675" s="3"/>
      <c r="P1675" s="3"/>
      <c r="Q1675" s="3"/>
      <c r="R1675" s="3"/>
      <c r="S1675" s="3"/>
      <c r="T1675" s="3"/>
      <c r="U1675" s="3"/>
      <c r="V1675" s="3"/>
      <c r="W1675" s="3"/>
      <c r="X1675" s="3"/>
      <c r="Y1675" s="3"/>
      <c r="Z1675" s="3"/>
      <c r="AA1675" s="3"/>
      <c r="AB1675" s="3"/>
      <c r="AC1675" s="3"/>
      <c r="AD1675" s="3"/>
      <c r="AE1675" s="3"/>
      <c r="AF1675" s="3"/>
      <c r="AG1675" s="3"/>
      <c r="AH1675" s="3"/>
      <c r="AI1675" s="3"/>
      <c r="AJ1675" s="3"/>
      <c r="AK1675" s="3"/>
      <c r="AL1675" s="3"/>
      <c r="AM1675" s="3"/>
      <c r="AN1675" s="3"/>
      <c r="AO1675" s="3"/>
      <c r="AP1675" s="3"/>
      <c r="AQ1675" s="3"/>
      <c r="AR1675" s="3"/>
      <c r="AS1675" s="3"/>
      <c r="AT1675" s="3"/>
    </row>
    <row r="1676" spans="1:46" ht="13.5" customHeight="1" x14ac:dyDescent="0.15">
      <c r="A1676" s="3">
        <v>1675</v>
      </c>
      <c r="B1676" s="30" t="s">
        <v>613</v>
      </c>
      <c r="C1676" s="27" t="s">
        <v>1987</v>
      </c>
      <c r="D1676" s="31">
        <v>28030</v>
      </c>
      <c r="E1676" s="32" t="s">
        <v>780</v>
      </c>
      <c r="F1676" s="32" t="s">
        <v>1587</v>
      </c>
      <c r="G1676" s="27">
        <v>6</v>
      </c>
      <c r="H1676" s="3"/>
      <c r="I1676" s="3"/>
      <c r="J1676" s="3"/>
      <c r="K1676" s="3"/>
      <c r="L1676" s="3"/>
      <c r="M1676" s="3"/>
      <c r="N1676" s="3"/>
      <c r="O1676" s="3"/>
      <c r="P1676" s="3"/>
      <c r="Q1676" s="3"/>
      <c r="R1676" s="3"/>
      <c r="S1676" s="3"/>
      <c r="T1676" s="3"/>
      <c r="U1676" s="3"/>
      <c r="V1676" s="3"/>
      <c r="W1676" s="3"/>
      <c r="X1676" s="3"/>
      <c r="Y1676" s="3"/>
      <c r="Z1676" s="3"/>
      <c r="AA1676" s="3"/>
      <c r="AB1676" s="3"/>
      <c r="AC1676" s="3"/>
      <c r="AD1676" s="3"/>
      <c r="AE1676" s="3"/>
      <c r="AF1676" s="3"/>
      <c r="AG1676" s="3"/>
      <c r="AH1676" s="3"/>
      <c r="AI1676" s="3"/>
      <c r="AJ1676" s="3"/>
      <c r="AK1676" s="3"/>
      <c r="AL1676" s="3"/>
      <c r="AM1676" s="3"/>
      <c r="AN1676" s="3"/>
      <c r="AO1676" s="3"/>
      <c r="AP1676" s="3"/>
      <c r="AQ1676" s="3"/>
      <c r="AR1676" s="3"/>
      <c r="AS1676" s="3"/>
      <c r="AT1676" s="3"/>
    </row>
    <row r="1677" spans="1:46" ht="13.5" customHeight="1" x14ac:dyDescent="0.15">
      <c r="A1677" s="3">
        <v>1676</v>
      </c>
      <c r="B1677" s="30" t="s">
        <v>613</v>
      </c>
      <c r="C1677" s="27" t="s">
        <v>1987</v>
      </c>
      <c r="D1677" s="31">
        <v>28220</v>
      </c>
      <c r="E1677" s="32" t="s">
        <v>936</v>
      </c>
      <c r="F1677" s="32" t="s">
        <v>643</v>
      </c>
      <c r="G1677" s="27">
        <v>6</v>
      </c>
      <c r="H1677" s="3"/>
      <c r="I1677" s="3"/>
      <c r="J1677" s="3"/>
      <c r="K1677" s="3"/>
      <c r="L1677" s="3"/>
      <c r="M1677" s="3"/>
      <c r="N1677" s="3"/>
      <c r="O1677" s="3"/>
      <c r="P1677" s="3"/>
      <c r="Q1677" s="3"/>
      <c r="R1677" s="3"/>
      <c r="S1677" s="3"/>
      <c r="T1677" s="3"/>
      <c r="U1677" s="3"/>
      <c r="V1677" s="3"/>
      <c r="W1677" s="3"/>
      <c r="X1677" s="3"/>
      <c r="Y1677" s="3"/>
      <c r="Z1677" s="3"/>
      <c r="AA1677" s="3"/>
      <c r="AB1677" s="3"/>
      <c r="AC1677" s="3"/>
      <c r="AD1677" s="3"/>
      <c r="AE1677" s="3"/>
      <c r="AF1677" s="3"/>
      <c r="AG1677" s="3"/>
      <c r="AH1677" s="3"/>
      <c r="AI1677" s="3"/>
      <c r="AJ1677" s="3"/>
      <c r="AK1677" s="3"/>
      <c r="AL1677" s="3"/>
      <c r="AM1677" s="3"/>
      <c r="AN1677" s="3"/>
      <c r="AO1677" s="3"/>
      <c r="AP1677" s="3"/>
      <c r="AQ1677" s="3"/>
      <c r="AR1677" s="3"/>
      <c r="AS1677" s="3"/>
      <c r="AT1677" s="3"/>
    </row>
    <row r="1678" spans="1:46" ht="13.5" customHeight="1" x14ac:dyDescent="0.15">
      <c r="A1678" s="3">
        <v>1677</v>
      </c>
      <c r="B1678" s="30" t="s">
        <v>613</v>
      </c>
      <c r="C1678" s="27" t="s">
        <v>1987</v>
      </c>
      <c r="D1678" s="31">
        <v>28230</v>
      </c>
      <c r="E1678" s="32" t="s">
        <v>937</v>
      </c>
      <c r="F1678" s="32" t="s">
        <v>644</v>
      </c>
      <c r="G1678" s="27">
        <v>12</v>
      </c>
      <c r="H1678" s="3"/>
      <c r="I1678" s="3"/>
      <c r="J1678" s="3"/>
      <c r="K1678" s="3"/>
      <c r="L1678" s="3"/>
      <c r="M1678" s="3"/>
      <c r="N1678" s="3"/>
      <c r="O1678" s="3"/>
      <c r="P1678" s="3"/>
      <c r="Q1678" s="3"/>
      <c r="R1678" s="3"/>
      <c r="S1678" s="3"/>
      <c r="T1678" s="3"/>
      <c r="U1678" s="3"/>
      <c r="V1678" s="3"/>
      <c r="W1678" s="3"/>
      <c r="X1678" s="3"/>
      <c r="Y1678" s="3"/>
      <c r="Z1678" s="3"/>
      <c r="AA1678" s="3"/>
      <c r="AB1678" s="3"/>
      <c r="AC1678" s="3"/>
      <c r="AD1678" s="3"/>
      <c r="AE1678" s="3"/>
      <c r="AF1678" s="3"/>
      <c r="AG1678" s="3"/>
      <c r="AH1678" s="3"/>
      <c r="AI1678" s="3"/>
      <c r="AJ1678" s="3"/>
      <c r="AK1678" s="3"/>
      <c r="AL1678" s="3"/>
      <c r="AM1678" s="3"/>
      <c r="AN1678" s="3"/>
      <c r="AO1678" s="3"/>
      <c r="AP1678" s="3"/>
      <c r="AQ1678" s="3"/>
      <c r="AR1678" s="3"/>
      <c r="AS1678" s="3"/>
      <c r="AT1678" s="3"/>
    </row>
    <row r="1679" spans="1:46" ht="13.5" customHeight="1" x14ac:dyDescent="0.15">
      <c r="A1679" s="3">
        <v>1678</v>
      </c>
      <c r="B1679" s="30" t="s">
        <v>613</v>
      </c>
      <c r="C1679" s="27" t="s">
        <v>1987</v>
      </c>
      <c r="D1679" s="31">
        <v>28390</v>
      </c>
      <c r="E1679" s="32" t="s">
        <v>159</v>
      </c>
      <c r="F1679" s="32" t="s">
        <v>1596</v>
      </c>
      <c r="G1679" s="27">
        <v>12</v>
      </c>
      <c r="H1679" s="3"/>
      <c r="I1679" s="3"/>
      <c r="J1679" s="3"/>
      <c r="K1679" s="3"/>
      <c r="L1679" s="3"/>
      <c r="M1679" s="3"/>
      <c r="N1679" s="3"/>
      <c r="O1679" s="3"/>
      <c r="P1679" s="3"/>
      <c r="Q1679" s="3"/>
      <c r="R1679" s="3"/>
      <c r="S1679" s="3"/>
      <c r="T1679" s="3"/>
      <c r="U1679" s="3"/>
      <c r="V1679" s="3"/>
      <c r="W1679" s="3"/>
      <c r="X1679" s="3"/>
      <c r="Y1679" s="3"/>
      <c r="Z1679" s="3"/>
      <c r="AA1679" s="3"/>
      <c r="AB1679" s="3"/>
      <c r="AC1679" s="3"/>
      <c r="AD1679" s="3"/>
      <c r="AE1679" s="3"/>
      <c r="AF1679" s="3"/>
      <c r="AG1679" s="3"/>
      <c r="AH1679" s="3"/>
      <c r="AI1679" s="3"/>
      <c r="AJ1679" s="3"/>
      <c r="AK1679" s="3"/>
      <c r="AL1679" s="3"/>
      <c r="AM1679" s="3"/>
      <c r="AN1679" s="3"/>
      <c r="AO1679" s="3"/>
      <c r="AP1679" s="3"/>
      <c r="AQ1679" s="3"/>
      <c r="AR1679" s="3"/>
      <c r="AS1679" s="3"/>
      <c r="AT1679" s="3"/>
    </row>
    <row r="1680" spans="1:46" ht="13.5" customHeight="1" x14ac:dyDescent="0.15">
      <c r="A1680" s="3">
        <v>1679</v>
      </c>
      <c r="B1680" s="30" t="s">
        <v>613</v>
      </c>
      <c r="C1680" s="27" t="s">
        <v>1987</v>
      </c>
      <c r="D1680" s="31">
        <v>30850</v>
      </c>
      <c r="E1680" s="32" t="s">
        <v>791</v>
      </c>
      <c r="F1680" s="32" t="s">
        <v>414</v>
      </c>
      <c r="G1680" s="27">
        <v>6</v>
      </c>
      <c r="H1680" s="3"/>
      <c r="I1680" s="3"/>
      <c r="J1680" s="3"/>
      <c r="K1680" s="3"/>
      <c r="L1680" s="3"/>
      <c r="M1680" s="3"/>
      <c r="N1680" s="3"/>
      <c r="O1680" s="3"/>
      <c r="P1680" s="3"/>
      <c r="Q1680" s="3"/>
      <c r="R1680" s="3"/>
      <c r="S1680" s="3"/>
      <c r="T1680" s="3"/>
      <c r="U1680" s="3"/>
      <c r="V1680" s="3"/>
      <c r="W1680" s="3"/>
      <c r="X1680" s="3"/>
      <c r="Y1680" s="3"/>
      <c r="Z1680" s="3"/>
      <c r="AA1680" s="3"/>
      <c r="AB1680" s="3"/>
      <c r="AC1680" s="3"/>
      <c r="AD1680" s="3"/>
      <c r="AE1680" s="3"/>
      <c r="AF1680" s="3"/>
      <c r="AG1680" s="3"/>
      <c r="AH1680" s="3"/>
      <c r="AI1680" s="3"/>
      <c r="AJ1680" s="3"/>
      <c r="AK1680" s="3"/>
      <c r="AL1680" s="3"/>
      <c r="AM1680" s="3"/>
      <c r="AN1680" s="3"/>
      <c r="AO1680" s="3"/>
      <c r="AP1680" s="3"/>
      <c r="AQ1680" s="3"/>
      <c r="AR1680" s="3"/>
      <c r="AS1680" s="3"/>
      <c r="AT1680" s="3"/>
    </row>
    <row r="1681" spans="1:46" ht="13.5" customHeight="1" x14ac:dyDescent="0.15">
      <c r="A1681" s="3">
        <v>1680</v>
      </c>
      <c r="B1681" s="30" t="s">
        <v>613</v>
      </c>
      <c r="C1681" s="27" t="s">
        <v>1987</v>
      </c>
      <c r="D1681" s="31">
        <v>30870</v>
      </c>
      <c r="E1681" s="32" t="s">
        <v>792</v>
      </c>
      <c r="F1681" s="32" t="s">
        <v>2059</v>
      </c>
      <c r="G1681" s="27">
        <v>4</v>
      </c>
      <c r="H1681" s="3"/>
      <c r="I1681" s="3"/>
      <c r="J1681" s="3"/>
      <c r="K1681" s="3"/>
      <c r="L1681" s="3"/>
      <c r="M1681" s="3"/>
      <c r="N1681" s="3"/>
      <c r="O1681" s="3"/>
      <c r="P1681" s="3"/>
      <c r="Q1681" s="3"/>
      <c r="R1681" s="3"/>
      <c r="S1681" s="3"/>
      <c r="T1681" s="3"/>
      <c r="U1681" s="3"/>
      <c r="V1681" s="3"/>
      <c r="W1681" s="3"/>
      <c r="X1681" s="3"/>
      <c r="Y1681" s="3"/>
      <c r="Z1681" s="3"/>
      <c r="AA1681" s="3"/>
      <c r="AB1681" s="3"/>
      <c r="AC1681" s="3"/>
      <c r="AD1681" s="3"/>
      <c r="AE1681" s="3"/>
      <c r="AF1681" s="3"/>
      <c r="AG1681" s="3"/>
      <c r="AH1681" s="3"/>
      <c r="AI1681" s="3"/>
      <c r="AJ1681" s="3"/>
      <c r="AK1681" s="3"/>
      <c r="AL1681" s="3"/>
      <c r="AM1681" s="3"/>
      <c r="AN1681" s="3"/>
      <c r="AO1681" s="3"/>
      <c r="AP1681" s="3"/>
      <c r="AQ1681" s="3"/>
      <c r="AR1681" s="3"/>
      <c r="AS1681" s="3"/>
      <c r="AT1681" s="3"/>
    </row>
    <row r="1682" spans="1:46" ht="13.5" customHeight="1" x14ac:dyDescent="0.15">
      <c r="A1682" s="3">
        <v>1681</v>
      </c>
      <c r="B1682" s="30" t="s">
        <v>613</v>
      </c>
      <c r="C1682" s="27" t="s">
        <v>1987</v>
      </c>
      <c r="D1682" s="31">
        <v>30880</v>
      </c>
      <c r="E1682" s="32" t="s">
        <v>1341</v>
      </c>
      <c r="F1682" s="32" t="s">
        <v>1576</v>
      </c>
      <c r="G1682" s="27">
        <v>6</v>
      </c>
      <c r="H1682" s="3"/>
      <c r="I1682" s="3"/>
      <c r="J1682" s="3"/>
      <c r="K1682" s="3"/>
      <c r="L1682" s="3"/>
      <c r="M1682" s="3"/>
      <c r="N1682" s="3"/>
      <c r="O1682" s="3"/>
      <c r="P1682" s="3"/>
      <c r="Q1682" s="3"/>
      <c r="R1682" s="3"/>
      <c r="S1682" s="3"/>
      <c r="T1682" s="3"/>
      <c r="U1682" s="3"/>
      <c r="V1682" s="3"/>
      <c r="W1682" s="3"/>
      <c r="X1682" s="3"/>
      <c r="Y1682" s="3"/>
      <c r="Z1682" s="3"/>
      <c r="AA1682" s="3"/>
      <c r="AB1682" s="3"/>
      <c r="AC1682" s="3"/>
      <c r="AD1682" s="3"/>
      <c r="AE1682" s="3"/>
      <c r="AF1682" s="3"/>
      <c r="AG1682" s="3"/>
      <c r="AH1682" s="3"/>
      <c r="AI1682" s="3"/>
      <c r="AJ1682" s="3"/>
      <c r="AK1682" s="3"/>
      <c r="AL1682" s="3"/>
      <c r="AM1682" s="3"/>
      <c r="AN1682" s="3"/>
      <c r="AO1682" s="3"/>
      <c r="AP1682" s="3"/>
      <c r="AQ1682" s="3"/>
      <c r="AR1682" s="3"/>
      <c r="AS1682" s="3"/>
      <c r="AT1682" s="3"/>
    </row>
    <row r="1683" spans="1:46" ht="13.5" customHeight="1" x14ac:dyDescent="0.15">
      <c r="A1683" s="3">
        <v>1682</v>
      </c>
      <c r="B1683" s="30" t="s">
        <v>613</v>
      </c>
      <c r="C1683" s="27" t="s">
        <v>1987</v>
      </c>
      <c r="D1683" s="31">
        <v>31850</v>
      </c>
      <c r="E1683" s="32" t="s">
        <v>588</v>
      </c>
      <c r="F1683" s="32" t="s">
        <v>1526</v>
      </c>
      <c r="G1683" s="27">
        <v>6</v>
      </c>
      <c r="H1683" s="3"/>
      <c r="I1683" s="3"/>
      <c r="J1683" s="3"/>
      <c r="K1683" s="3"/>
      <c r="L1683" s="3"/>
      <c r="M1683" s="3"/>
      <c r="N1683" s="3"/>
      <c r="O1683" s="3"/>
      <c r="P1683" s="3"/>
      <c r="Q1683" s="3"/>
      <c r="R1683" s="3"/>
      <c r="S1683" s="3"/>
      <c r="T1683" s="3"/>
      <c r="U1683" s="3"/>
      <c r="V1683" s="3"/>
      <c r="W1683" s="3"/>
      <c r="X1683" s="3"/>
      <c r="Y1683" s="3"/>
      <c r="Z1683" s="3"/>
      <c r="AA1683" s="3"/>
      <c r="AB1683" s="3"/>
      <c r="AC1683" s="3"/>
      <c r="AD1683" s="3"/>
      <c r="AE1683" s="3"/>
      <c r="AF1683" s="3"/>
      <c r="AG1683" s="3"/>
      <c r="AH1683" s="3"/>
      <c r="AI1683" s="3"/>
      <c r="AJ1683" s="3"/>
      <c r="AK1683" s="3"/>
      <c r="AL1683" s="3"/>
      <c r="AM1683" s="3"/>
      <c r="AN1683" s="3"/>
      <c r="AO1683" s="3"/>
      <c r="AP1683" s="3"/>
      <c r="AQ1683" s="3"/>
      <c r="AR1683" s="3"/>
      <c r="AS1683" s="3"/>
      <c r="AT1683" s="3"/>
    </row>
    <row r="1684" spans="1:46" ht="13.5" customHeight="1" x14ac:dyDescent="0.15">
      <c r="A1684" s="3">
        <v>1683</v>
      </c>
      <c r="B1684" s="30" t="s">
        <v>613</v>
      </c>
      <c r="C1684" s="27" t="s">
        <v>1987</v>
      </c>
      <c r="D1684" s="31">
        <v>32820</v>
      </c>
      <c r="E1684" s="32" t="s">
        <v>871</v>
      </c>
      <c r="F1684" s="32" t="s">
        <v>2064</v>
      </c>
      <c r="G1684" s="27">
        <v>10</v>
      </c>
      <c r="H1684" s="3"/>
      <c r="I1684" s="3"/>
      <c r="J1684" s="3"/>
      <c r="K1684" s="3"/>
      <c r="L1684" s="3"/>
      <c r="M1684" s="3"/>
      <c r="N1684" s="3"/>
      <c r="O1684" s="3"/>
      <c r="P1684" s="3"/>
      <c r="Q1684" s="3"/>
      <c r="R1684" s="3"/>
      <c r="S1684" s="3"/>
      <c r="T1684" s="3"/>
      <c r="U1684" s="3"/>
      <c r="V1684" s="3"/>
      <c r="W1684" s="3"/>
      <c r="X1684" s="3"/>
      <c r="Y1684" s="3"/>
      <c r="Z1684" s="3"/>
      <c r="AA1684" s="3"/>
      <c r="AB1684" s="3"/>
      <c r="AC1684" s="3"/>
      <c r="AD1684" s="3"/>
      <c r="AE1684" s="3"/>
      <c r="AF1684" s="3"/>
      <c r="AG1684" s="3"/>
      <c r="AH1684" s="3"/>
      <c r="AI1684" s="3"/>
      <c r="AJ1684" s="3"/>
      <c r="AK1684" s="3"/>
      <c r="AL1684" s="3"/>
      <c r="AM1684" s="3"/>
      <c r="AN1684" s="3"/>
      <c r="AO1684" s="3"/>
      <c r="AP1684" s="3"/>
      <c r="AQ1684" s="3"/>
      <c r="AR1684" s="3"/>
      <c r="AS1684" s="3"/>
      <c r="AT1684" s="3"/>
    </row>
    <row r="1685" spans="1:46" ht="13.5" customHeight="1" x14ac:dyDescent="0.15">
      <c r="A1685" s="3">
        <v>1684</v>
      </c>
      <c r="B1685" s="30" t="s">
        <v>613</v>
      </c>
      <c r="C1685" s="27" t="s">
        <v>1987</v>
      </c>
      <c r="D1685" s="31">
        <v>33480</v>
      </c>
      <c r="E1685" s="32" t="s">
        <v>1367</v>
      </c>
      <c r="F1685" s="32" t="s">
        <v>1584</v>
      </c>
      <c r="G1685" s="27">
        <v>3</v>
      </c>
      <c r="H1685" s="3"/>
      <c r="I1685" s="3"/>
      <c r="J1685" s="3"/>
      <c r="K1685" s="3"/>
      <c r="L1685" s="3"/>
      <c r="M1685" s="3"/>
      <c r="N1685" s="3"/>
      <c r="O1685" s="3"/>
      <c r="P1685" s="3"/>
      <c r="Q1685" s="3"/>
      <c r="R1685" s="3"/>
      <c r="S1685" s="3"/>
      <c r="T1685" s="3"/>
      <c r="U1685" s="3"/>
      <c r="V1685" s="3"/>
      <c r="W1685" s="3"/>
      <c r="X1685" s="3"/>
      <c r="Y1685" s="3"/>
      <c r="Z1685" s="3"/>
      <c r="AA1685" s="3"/>
      <c r="AB1685" s="3"/>
      <c r="AC1685" s="3"/>
      <c r="AD1685" s="3"/>
      <c r="AE1685" s="3"/>
      <c r="AF1685" s="3"/>
      <c r="AG1685" s="3"/>
      <c r="AH1685" s="3"/>
      <c r="AI1685" s="3"/>
      <c r="AJ1685" s="3"/>
      <c r="AK1685" s="3"/>
      <c r="AL1685" s="3"/>
      <c r="AM1685" s="3"/>
      <c r="AN1685" s="3"/>
      <c r="AO1685" s="3"/>
      <c r="AP1685" s="3"/>
      <c r="AQ1685" s="3"/>
      <c r="AR1685" s="3"/>
      <c r="AS1685" s="3"/>
      <c r="AT1685" s="3"/>
    </row>
    <row r="1686" spans="1:46" ht="13.5" customHeight="1" x14ac:dyDescent="0.15">
      <c r="A1686" s="3">
        <v>1685</v>
      </c>
      <c r="B1686" s="30" t="s">
        <v>613</v>
      </c>
      <c r="C1686" s="27" t="s">
        <v>1987</v>
      </c>
      <c r="D1686" s="31">
        <v>33550</v>
      </c>
      <c r="E1686" s="32" t="s">
        <v>2053</v>
      </c>
      <c r="F1686" s="32" t="s">
        <v>2171</v>
      </c>
      <c r="G1686" s="27">
        <v>6</v>
      </c>
      <c r="H1686" s="3"/>
      <c r="I1686" s="3"/>
      <c r="J1686" s="3"/>
      <c r="K1686" s="3"/>
      <c r="L1686" s="3"/>
      <c r="M1686" s="3"/>
      <c r="N1686" s="3"/>
      <c r="O1686" s="3"/>
      <c r="P1686" s="3"/>
      <c r="Q1686" s="3"/>
      <c r="R1686" s="3"/>
      <c r="S1686" s="3"/>
      <c r="T1686" s="3"/>
      <c r="U1686" s="3"/>
      <c r="V1686" s="3"/>
      <c r="W1686" s="3"/>
      <c r="X1686" s="3"/>
      <c r="Y1686" s="3"/>
      <c r="Z1686" s="3"/>
      <c r="AA1686" s="3"/>
      <c r="AB1686" s="3"/>
      <c r="AC1686" s="3"/>
      <c r="AD1686" s="3"/>
      <c r="AE1686" s="3"/>
      <c r="AF1686" s="3"/>
      <c r="AG1686" s="3"/>
      <c r="AH1686" s="3"/>
      <c r="AI1686" s="3"/>
      <c r="AJ1686" s="3"/>
      <c r="AK1686" s="3"/>
      <c r="AL1686" s="3"/>
      <c r="AM1686" s="3"/>
      <c r="AN1686" s="3"/>
      <c r="AO1686" s="3"/>
      <c r="AP1686" s="3"/>
      <c r="AQ1686" s="3"/>
      <c r="AR1686" s="3"/>
      <c r="AS1686" s="3"/>
      <c r="AT1686" s="3"/>
    </row>
    <row r="1687" spans="1:46" ht="13.5" customHeight="1" x14ac:dyDescent="0.15">
      <c r="A1687" s="3">
        <v>1686</v>
      </c>
      <c r="B1687" s="30" t="s">
        <v>613</v>
      </c>
      <c r="C1687" s="27" t="s">
        <v>1987</v>
      </c>
      <c r="D1687" s="31">
        <v>33990</v>
      </c>
      <c r="E1687" s="32" t="s">
        <v>1779</v>
      </c>
      <c r="F1687" s="32" t="s">
        <v>647</v>
      </c>
      <c r="G1687" s="27">
        <v>12</v>
      </c>
      <c r="H1687" s="3"/>
      <c r="I1687" s="3"/>
      <c r="J1687" s="3"/>
      <c r="K1687" s="3"/>
      <c r="L1687" s="3"/>
      <c r="M1687" s="3"/>
      <c r="N1687" s="3"/>
      <c r="O1687" s="3"/>
      <c r="P1687" s="3"/>
      <c r="Q1687" s="3"/>
      <c r="R1687" s="3"/>
      <c r="S1687" s="3"/>
      <c r="T1687" s="3"/>
      <c r="U1687" s="3"/>
      <c r="V1687" s="3"/>
      <c r="W1687" s="3"/>
      <c r="X1687" s="3"/>
      <c r="Y1687" s="3"/>
      <c r="Z1687" s="3"/>
      <c r="AA1687" s="3"/>
      <c r="AB1687" s="3"/>
      <c r="AC1687" s="3"/>
      <c r="AD1687" s="3"/>
      <c r="AE1687" s="3"/>
      <c r="AF1687" s="3"/>
      <c r="AG1687" s="3"/>
      <c r="AH1687" s="3"/>
      <c r="AI1687" s="3"/>
      <c r="AJ1687" s="3"/>
      <c r="AK1687" s="3"/>
      <c r="AL1687" s="3"/>
      <c r="AM1687" s="3"/>
      <c r="AN1687" s="3"/>
      <c r="AO1687" s="3"/>
      <c r="AP1687" s="3"/>
      <c r="AQ1687" s="3"/>
      <c r="AR1687" s="3"/>
      <c r="AS1687" s="3"/>
      <c r="AT1687" s="3"/>
    </row>
    <row r="1688" spans="1:46" ht="13.5" customHeight="1" x14ac:dyDescent="0.15">
      <c r="A1688" s="3">
        <v>1687</v>
      </c>
      <c r="B1688" s="30" t="s">
        <v>613</v>
      </c>
      <c r="C1688" s="27" t="s">
        <v>1987</v>
      </c>
      <c r="D1688" s="31">
        <v>34480</v>
      </c>
      <c r="E1688" s="32" t="s">
        <v>1255</v>
      </c>
      <c r="F1688" s="32" t="s">
        <v>649</v>
      </c>
      <c r="G1688" s="27">
        <v>7</v>
      </c>
      <c r="H1688" s="3"/>
      <c r="I1688" s="3"/>
      <c r="J1688" s="3"/>
      <c r="K1688" s="3"/>
      <c r="L1688" s="3"/>
      <c r="M1688" s="3"/>
      <c r="N1688" s="3"/>
      <c r="O1688" s="3"/>
      <c r="P1688" s="3"/>
      <c r="Q1688" s="3"/>
      <c r="R1688" s="3"/>
      <c r="S1688" s="3"/>
      <c r="T1688" s="3"/>
      <c r="U1688" s="3"/>
      <c r="V1688" s="3"/>
      <c r="W1688" s="3"/>
      <c r="X1688" s="3"/>
      <c r="Y1688" s="3"/>
      <c r="Z1688" s="3"/>
      <c r="AA1688" s="3"/>
      <c r="AB1688" s="3"/>
      <c r="AC1688" s="3"/>
      <c r="AD1688" s="3"/>
      <c r="AE1688" s="3"/>
      <c r="AF1688" s="3"/>
      <c r="AG1688" s="3"/>
      <c r="AH1688" s="3"/>
      <c r="AI1688" s="3"/>
      <c r="AJ1688" s="3"/>
      <c r="AK1688" s="3"/>
      <c r="AL1688" s="3"/>
      <c r="AM1688" s="3"/>
      <c r="AN1688" s="3"/>
      <c r="AO1688" s="3"/>
      <c r="AP1688" s="3"/>
      <c r="AQ1688" s="3"/>
      <c r="AR1688" s="3"/>
      <c r="AS1688" s="3"/>
      <c r="AT1688" s="3"/>
    </row>
    <row r="1689" spans="1:46" ht="13.5" customHeight="1" x14ac:dyDescent="0.15">
      <c r="A1689" s="3">
        <v>1688</v>
      </c>
      <c r="B1689" s="30" t="s">
        <v>613</v>
      </c>
      <c r="C1689" s="27" t="s">
        <v>1987</v>
      </c>
      <c r="D1689" s="31">
        <v>34510</v>
      </c>
      <c r="E1689" s="32" t="s">
        <v>81</v>
      </c>
      <c r="F1689" s="32" t="s">
        <v>648</v>
      </c>
      <c r="G1689" s="27">
        <v>6</v>
      </c>
      <c r="H1689" s="3"/>
      <c r="I1689" s="3"/>
      <c r="J1689" s="3"/>
      <c r="K1689" s="3"/>
      <c r="L1689" s="3"/>
      <c r="M1689" s="3"/>
      <c r="N1689" s="3"/>
      <c r="O1689" s="3"/>
      <c r="P1689" s="3"/>
      <c r="Q1689" s="3"/>
      <c r="R1689" s="3"/>
      <c r="S1689" s="3"/>
      <c r="T1689" s="3"/>
      <c r="U1689" s="3"/>
      <c r="V1689" s="3"/>
      <c r="W1689" s="3"/>
      <c r="X1689" s="3"/>
      <c r="Y1689" s="3"/>
      <c r="Z1689" s="3"/>
      <c r="AA1689" s="3"/>
      <c r="AB1689" s="3"/>
      <c r="AC1689" s="3"/>
      <c r="AD1689" s="3"/>
      <c r="AE1689" s="3"/>
      <c r="AF1689" s="3"/>
      <c r="AG1689" s="3"/>
      <c r="AH1689" s="3"/>
      <c r="AI1689" s="3"/>
      <c r="AJ1689" s="3"/>
      <c r="AK1689" s="3"/>
      <c r="AL1689" s="3"/>
      <c r="AM1689" s="3"/>
      <c r="AN1689" s="3"/>
      <c r="AO1689" s="3"/>
      <c r="AP1689" s="3"/>
      <c r="AQ1689" s="3"/>
      <c r="AR1689" s="3"/>
      <c r="AS1689" s="3"/>
      <c r="AT1689" s="3"/>
    </row>
    <row r="1690" spans="1:46" ht="13.5" customHeight="1" x14ac:dyDescent="0.15">
      <c r="A1690" s="3">
        <v>1689</v>
      </c>
      <c r="B1690" s="30" t="s">
        <v>613</v>
      </c>
      <c r="C1690" s="27" t="s">
        <v>1987</v>
      </c>
      <c r="D1690" s="31">
        <v>35030</v>
      </c>
      <c r="E1690" s="32" t="s">
        <v>1178</v>
      </c>
      <c r="F1690" s="32" t="s">
        <v>882</v>
      </c>
      <c r="G1690" s="27">
        <v>6</v>
      </c>
      <c r="H1690" s="3"/>
      <c r="I1690" s="3"/>
      <c r="J1690" s="3"/>
      <c r="K1690" s="3"/>
      <c r="L1690" s="3"/>
      <c r="M1690" s="3"/>
      <c r="N1690" s="3"/>
      <c r="O1690" s="3"/>
      <c r="P1690" s="3"/>
      <c r="Q1690" s="3"/>
      <c r="R1690" s="3"/>
      <c r="S1690" s="3"/>
      <c r="T1690" s="3"/>
      <c r="U1690" s="3"/>
      <c r="V1690" s="3"/>
      <c r="W1690" s="3"/>
      <c r="X1690" s="3"/>
      <c r="Y1690" s="3"/>
      <c r="Z1690" s="3"/>
      <c r="AA1690" s="3"/>
      <c r="AB1690" s="3"/>
      <c r="AC1690" s="3"/>
      <c r="AD1690" s="3"/>
      <c r="AE1690" s="3"/>
      <c r="AF1690" s="3"/>
      <c r="AG1690" s="3"/>
      <c r="AH1690" s="3"/>
      <c r="AI1690" s="3"/>
      <c r="AJ1690" s="3"/>
      <c r="AK1690" s="3"/>
      <c r="AL1690" s="3"/>
      <c r="AM1690" s="3"/>
      <c r="AN1690" s="3"/>
      <c r="AO1690" s="3"/>
      <c r="AP1690" s="3"/>
      <c r="AQ1690" s="3"/>
      <c r="AR1690" s="3"/>
      <c r="AS1690" s="3"/>
      <c r="AT1690" s="3"/>
    </row>
    <row r="1691" spans="1:46" ht="13.5" customHeight="1" x14ac:dyDescent="0.15">
      <c r="A1691" s="3">
        <v>1690</v>
      </c>
      <c r="B1691" s="30" t="s">
        <v>613</v>
      </c>
      <c r="C1691" s="27" t="s">
        <v>1987</v>
      </c>
      <c r="D1691" s="31">
        <v>36460</v>
      </c>
      <c r="E1691" s="32" t="s">
        <v>748</v>
      </c>
      <c r="F1691" s="32" t="s">
        <v>2293</v>
      </c>
      <c r="G1691" s="27">
        <v>12</v>
      </c>
      <c r="H1691" s="3"/>
      <c r="I1691" s="3"/>
      <c r="J1691" s="3"/>
      <c r="K1691" s="3"/>
      <c r="L1691" s="3"/>
      <c r="M1691" s="3"/>
      <c r="N1691" s="3"/>
      <c r="O1691" s="3"/>
      <c r="P1691" s="3"/>
      <c r="Q1691" s="3"/>
      <c r="R1691" s="3"/>
      <c r="S1691" s="3"/>
      <c r="T1691" s="3"/>
      <c r="U1691" s="3"/>
      <c r="V1691" s="3"/>
      <c r="W1691" s="3"/>
      <c r="X1691" s="3"/>
      <c r="Y1691" s="3"/>
      <c r="Z1691" s="3"/>
      <c r="AA1691" s="3"/>
      <c r="AB1691" s="3"/>
      <c r="AC1691" s="3"/>
      <c r="AD1691" s="3"/>
      <c r="AE1691" s="3"/>
      <c r="AF1691" s="3"/>
      <c r="AG1691" s="3"/>
      <c r="AH1691" s="3"/>
      <c r="AI1691" s="3"/>
      <c r="AJ1691" s="3"/>
      <c r="AK1691" s="3"/>
      <c r="AL1691" s="3"/>
      <c r="AM1691" s="3"/>
      <c r="AN1691" s="3"/>
      <c r="AO1691" s="3"/>
      <c r="AP1691" s="3"/>
      <c r="AQ1691" s="3"/>
      <c r="AR1691" s="3"/>
      <c r="AS1691" s="3"/>
      <c r="AT1691" s="3"/>
    </row>
    <row r="1692" spans="1:46" ht="13.5" customHeight="1" x14ac:dyDescent="0.15">
      <c r="A1692" s="3">
        <v>1691</v>
      </c>
      <c r="B1692" s="30" t="s">
        <v>613</v>
      </c>
      <c r="C1692" s="27" t="s">
        <v>1987</v>
      </c>
      <c r="D1692" s="31">
        <v>38400</v>
      </c>
      <c r="E1692" s="32" t="s">
        <v>3005</v>
      </c>
      <c r="F1692" s="32" t="s">
        <v>1595</v>
      </c>
      <c r="G1692" s="27">
        <v>11</v>
      </c>
      <c r="H1692" s="3"/>
      <c r="I1692" s="3"/>
      <c r="J1692" s="3"/>
      <c r="K1692" s="3"/>
      <c r="L1692" s="3"/>
      <c r="M1692" s="3"/>
      <c r="N1692" s="3"/>
      <c r="O1692" s="3"/>
      <c r="P1692" s="3"/>
      <c r="Q1692" s="3"/>
      <c r="R1692" s="3"/>
      <c r="S1692" s="3"/>
      <c r="T1692" s="3"/>
      <c r="U1692" s="3"/>
      <c r="V1692" s="3"/>
      <c r="W1692" s="3"/>
      <c r="X1692" s="3"/>
      <c r="Y1692" s="3"/>
      <c r="Z1692" s="3"/>
      <c r="AA1692" s="3"/>
      <c r="AB1692" s="3"/>
      <c r="AC1692" s="3"/>
      <c r="AD1692" s="3"/>
      <c r="AE1692" s="3"/>
      <c r="AF1692" s="3"/>
      <c r="AG1692" s="3"/>
      <c r="AH1692" s="3"/>
      <c r="AI1692" s="3"/>
      <c r="AJ1692" s="3"/>
      <c r="AK1692" s="3"/>
      <c r="AL1692" s="3"/>
      <c r="AM1692" s="3"/>
      <c r="AN1692" s="3"/>
      <c r="AO1692" s="3"/>
      <c r="AP1692" s="3"/>
      <c r="AQ1692" s="3"/>
      <c r="AR1692" s="3"/>
      <c r="AS1692" s="3"/>
      <c r="AT1692" s="3"/>
    </row>
    <row r="1693" spans="1:46" ht="13.5" customHeight="1" x14ac:dyDescent="0.15">
      <c r="A1693" s="3">
        <v>1692</v>
      </c>
      <c r="B1693" s="30" t="s">
        <v>613</v>
      </c>
      <c r="C1693" s="27" t="s">
        <v>1987</v>
      </c>
      <c r="D1693" s="31">
        <v>38620</v>
      </c>
      <c r="E1693" s="32" t="s">
        <v>3011</v>
      </c>
      <c r="F1693" s="32" t="s">
        <v>1311</v>
      </c>
      <c r="G1693" s="27">
        <v>11</v>
      </c>
      <c r="H1693" s="3"/>
      <c r="I1693" s="3"/>
      <c r="J1693" s="3"/>
      <c r="K1693" s="3"/>
      <c r="L1693" s="3"/>
      <c r="M1693" s="3"/>
      <c r="N1693" s="3"/>
      <c r="O1693" s="3"/>
      <c r="P1693" s="3"/>
      <c r="Q1693" s="3"/>
      <c r="R1693" s="3"/>
      <c r="S1693" s="3"/>
      <c r="T1693" s="3"/>
      <c r="U1693" s="3"/>
      <c r="V1693" s="3"/>
      <c r="W1693" s="3"/>
      <c r="X1693" s="3"/>
      <c r="Y1693" s="3"/>
      <c r="Z1693" s="3"/>
      <c r="AA1693" s="3"/>
      <c r="AB1693" s="3"/>
      <c r="AC1693" s="3"/>
      <c r="AD1693" s="3"/>
      <c r="AE1693" s="3"/>
      <c r="AF1693" s="3"/>
      <c r="AG1693" s="3"/>
      <c r="AH1693" s="3"/>
      <c r="AI1693" s="3"/>
      <c r="AJ1693" s="3"/>
      <c r="AK1693" s="3"/>
      <c r="AL1693" s="3"/>
      <c r="AM1693" s="3"/>
      <c r="AN1693" s="3"/>
      <c r="AO1693" s="3"/>
      <c r="AP1693" s="3"/>
      <c r="AQ1693" s="3"/>
      <c r="AR1693" s="3"/>
      <c r="AS1693" s="3"/>
      <c r="AT1693" s="3"/>
    </row>
    <row r="1694" spans="1:46" ht="13.5" customHeight="1" x14ac:dyDescent="0.15">
      <c r="A1694" s="3">
        <v>1693</v>
      </c>
      <c r="B1694" s="30" t="s">
        <v>613</v>
      </c>
      <c r="C1694" s="27" t="s">
        <v>1987</v>
      </c>
      <c r="D1694" s="31">
        <v>38810</v>
      </c>
      <c r="E1694" s="32" t="s">
        <v>3020</v>
      </c>
      <c r="F1694" s="32" t="s">
        <v>545</v>
      </c>
      <c r="G1694" s="27">
        <v>6</v>
      </c>
      <c r="H1694" s="3"/>
      <c r="I1694" s="3"/>
      <c r="J1694" s="3"/>
      <c r="K1694" s="3"/>
      <c r="L1694" s="3"/>
      <c r="M1694" s="3"/>
      <c r="N1694" s="3"/>
      <c r="O1694" s="3"/>
      <c r="P1694" s="3"/>
      <c r="Q1694" s="3"/>
      <c r="R1694" s="3"/>
      <c r="S1694" s="3"/>
      <c r="T1694" s="3"/>
      <c r="U1694" s="3"/>
      <c r="V1694" s="3"/>
      <c r="W1694" s="3"/>
      <c r="X1694" s="3"/>
      <c r="Y1694" s="3"/>
      <c r="Z1694" s="3"/>
      <c r="AA1694" s="3"/>
      <c r="AB1694" s="3"/>
      <c r="AC1694" s="3"/>
      <c r="AD1694" s="3"/>
      <c r="AE1694" s="3"/>
      <c r="AF1694" s="3"/>
      <c r="AG1694" s="3"/>
      <c r="AH1694" s="3"/>
      <c r="AI1694" s="3"/>
      <c r="AJ1694" s="3"/>
      <c r="AK1694" s="3"/>
      <c r="AL1694" s="3"/>
      <c r="AM1694" s="3"/>
      <c r="AN1694" s="3"/>
      <c r="AO1694" s="3"/>
      <c r="AP1694" s="3"/>
      <c r="AQ1694" s="3"/>
      <c r="AR1694" s="3"/>
      <c r="AS1694" s="3"/>
      <c r="AT1694" s="3"/>
    </row>
    <row r="1695" spans="1:46" ht="13.5" customHeight="1" x14ac:dyDescent="0.15">
      <c r="A1695" s="3">
        <v>1694</v>
      </c>
      <c r="B1695" s="30" t="s">
        <v>613</v>
      </c>
      <c r="C1695" s="27" t="s">
        <v>1987</v>
      </c>
      <c r="D1695" s="31">
        <v>39450</v>
      </c>
      <c r="E1695" s="32" t="s">
        <v>794</v>
      </c>
      <c r="F1695" s="32" t="s">
        <v>1868</v>
      </c>
      <c r="G1695" s="27">
        <v>12</v>
      </c>
      <c r="H1695" s="3"/>
      <c r="I1695" s="3"/>
      <c r="J1695" s="3"/>
      <c r="K1695" s="3"/>
      <c r="L1695" s="3"/>
      <c r="M1695" s="3"/>
      <c r="N1695" s="3"/>
      <c r="O1695" s="3"/>
      <c r="P1695" s="3"/>
      <c r="Q1695" s="3"/>
      <c r="R1695" s="3"/>
      <c r="S1695" s="3"/>
      <c r="T1695" s="3"/>
      <c r="U1695" s="3"/>
      <c r="V1695" s="3"/>
      <c r="W1695" s="3"/>
      <c r="X1695" s="3"/>
      <c r="Y1695" s="3"/>
      <c r="Z1695" s="3"/>
      <c r="AA1695" s="3"/>
      <c r="AB1695" s="3"/>
      <c r="AC1695" s="3"/>
      <c r="AD1695" s="3"/>
      <c r="AE1695" s="3"/>
      <c r="AF1695" s="3"/>
      <c r="AG1695" s="3"/>
      <c r="AH1695" s="3"/>
      <c r="AI1695" s="3"/>
      <c r="AJ1695" s="3"/>
      <c r="AK1695" s="3"/>
      <c r="AL1695" s="3"/>
      <c r="AM1695" s="3"/>
      <c r="AN1695" s="3"/>
      <c r="AO1695" s="3"/>
      <c r="AP1695" s="3"/>
      <c r="AQ1695" s="3"/>
      <c r="AR1695" s="3"/>
      <c r="AS1695" s="3"/>
      <c r="AT1695" s="3"/>
    </row>
    <row r="1696" spans="1:46" ht="13.5" customHeight="1" x14ac:dyDescent="0.15">
      <c r="A1696" s="3">
        <v>1695</v>
      </c>
      <c r="B1696" s="26" t="s">
        <v>613</v>
      </c>
      <c r="C1696" s="27" t="s">
        <v>1128</v>
      </c>
      <c r="D1696" s="33">
        <v>39960</v>
      </c>
      <c r="E1696" s="29" t="s">
        <v>3052</v>
      </c>
      <c r="F1696" s="32" t="s">
        <v>218</v>
      </c>
      <c r="G1696" s="27">
        <v>12</v>
      </c>
      <c r="H1696" s="3"/>
      <c r="I1696" s="3"/>
      <c r="J1696" s="3"/>
      <c r="K1696" s="3"/>
      <c r="L1696" s="3"/>
      <c r="M1696" s="3"/>
      <c r="N1696" s="3"/>
      <c r="O1696" s="3"/>
      <c r="P1696" s="3"/>
      <c r="Q1696" s="3"/>
      <c r="R1696" s="3"/>
      <c r="S1696" s="3"/>
      <c r="T1696" s="3"/>
      <c r="U1696" s="3"/>
      <c r="V1696" s="3"/>
      <c r="W1696" s="3"/>
      <c r="X1696" s="3"/>
      <c r="Y1696" s="3"/>
      <c r="Z1696" s="3"/>
      <c r="AA1696" s="3"/>
      <c r="AB1696" s="3"/>
      <c r="AC1696" s="3"/>
      <c r="AD1696" s="3"/>
      <c r="AE1696" s="3"/>
      <c r="AF1696" s="3"/>
      <c r="AG1696" s="3"/>
      <c r="AH1696" s="3"/>
      <c r="AI1696" s="3"/>
      <c r="AJ1696" s="3"/>
      <c r="AK1696" s="3"/>
      <c r="AL1696" s="3"/>
      <c r="AM1696" s="3"/>
      <c r="AN1696" s="3"/>
      <c r="AO1696" s="3"/>
      <c r="AP1696" s="3"/>
      <c r="AQ1696" s="3"/>
      <c r="AR1696" s="3"/>
      <c r="AS1696" s="3"/>
      <c r="AT1696" s="3"/>
    </row>
    <row r="1697" spans="1:46" ht="13.5" customHeight="1" x14ac:dyDescent="0.15">
      <c r="A1697" s="3">
        <v>1696</v>
      </c>
      <c r="B1697" s="30" t="s">
        <v>613</v>
      </c>
      <c r="C1697" s="27" t="s">
        <v>1128</v>
      </c>
      <c r="D1697" s="49">
        <v>40210</v>
      </c>
      <c r="E1697" s="50" t="s">
        <v>1889</v>
      </c>
      <c r="F1697" s="29" t="s">
        <v>3253</v>
      </c>
      <c r="G1697" s="27">
        <v>6</v>
      </c>
      <c r="H1697" s="3"/>
      <c r="I1697" s="3"/>
      <c r="J1697" s="3"/>
      <c r="K1697" s="3"/>
      <c r="L1697" s="3"/>
      <c r="M1697" s="3"/>
      <c r="N1697" s="3"/>
      <c r="O1697" s="3"/>
      <c r="P1697" s="3"/>
      <c r="Q1697" s="3"/>
      <c r="R1697" s="3"/>
      <c r="S1697" s="3"/>
      <c r="T1697" s="3"/>
      <c r="U1697" s="3"/>
      <c r="V1697" s="3"/>
      <c r="W1697" s="3"/>
      <c r="X1697" s="3"/>
      <c r="Y1697" s="3"/>
      <c r="Z1697" s="3"/>
      <c r="AA1697" s="3"/>
      <c r="AB1697" s="3"/>
      <c r="AC1697" s="3"/>
      <c r="AD1697" s="3"/>
      <c r="AE1697" s="3"/>
      <c r="AF1697" s="3"/>
      <c r="AG1697" s="3"/>
      <c r="AH1697" s="3"/>
      <c r="AI1697" s="3"/>
      <c r="AJ1697" s="3"/>
      <c r="AK1697" s="3"/>
      <c r="AL1697" s="3"/>
      <c r="AM1697" s="3"/>
      <c r="AN1697" s="3"/>
      <c r="AO1697" s="3"/>
      <c r="AP1697" s="3"/>
      <c r="AQ1697" s="3"/>
      <c r="AR1697" s="3"/>
      <c r="AS1697" s="3"/>
      <c r="AT1697" s="3"/>
    </row>
    <row r="1698" spans="1:46" ht="13.5" customHeight="1" x14ac:dyDescent="0.15">
      <c r="A1698" s="3">
        <v>1697</v>
      </c>
      <c r="B1698" s="30" t="s">
        <v>613</v>
      </c>
      <c r="C1698" s="27" t="s">
        <v>650</v>
      </c>
      <c r="D1698" s="34">
        <v>40560</v>
      </c>
      <c r="E1698" s="32" t="s">
        <v>3123</v>
      </c>
      <c r="F1698" s="32" t="s">
        <v>651</v>
      </c>
      <c r="G1698" s="27">
        <v>8</v>
      </c>
      <c r="H1698" s="3"/>
      <c r="I1698" s="3"/>
      <c r="J1698" s="3"/>
      <c r="K1698" s="3"/>
      <c r="L1698" s="3"/>
      <c r="M1698" s="3"/>
      <c r="N1698" s="3"/>
      <c r="O1698" s="3"/>
      <c r="P1698" s="3"/>
      <c r="Q1698" s="3"/>
      <c r="R1698" s="3"/>
      <c r="S1698" s="3"/>
      <c r="T1698" s="3"/>
      <c r="U1698" s="3"/>
      <c r="V1698" s="3"/>
      <c r="W1698" s="3"/>
      <c r="X1698" s="3"/>
      <c r="Y1698" s="3"/>
      <c r="Z1698" s="3"/>
      <c r="AA1698" s="3"/>
      <c r="AB1698" s="3"/>
      <c r="AC1698" s="3"/>
      <c r="AD1698" s="3"/>
      <c r="AE1698" s="3"/>
      <c r="AF1698" s="3"/>
      <c r="AG1698" s="3"/>
      <c r="AH1698" s="3"/>
      <c r="AI1698" s="3"/>
      <c r="AJ1698" s="3"/>
      <c r="AK1698" s="3"/>
      <c r="AL1698" s="3"/>
      <c r="AM1698" s="3"/>
      <c r="AN1698" s="3"/>
      <c r="AO1698" s="3"/>
      <c r="AP1698" s="3"/>
      <c r="AQ1698" s="3"/>
      <c r="AR1698" s="3"/>
      <c r="AS1698" s="3"/>
      <c r="AT1698" s="3"/>
    </row>
    <row r="1699" spans="1:46" ht="13.5" customHeight="1" x14ac:dyDescent="0.15">
      <c r="A1699" s="3">
        <v>1698</v>
      </c>
      <c r="B1699" s="30" t="s">
        <v>613</v>
      </c>
      <c r="C1699" s="27" t="s">
        <v>650</v>
      </c>
      <c r="D1699" s="34">
        <v>40680</v>
      </c>
      <c r="E1699" s="32" t="s">
        <v>3069</v>
      </c>
      <c r="F1699" s="32" t="s">
        <v>411</v>
      </c>
      <c r="G1699" s="27">
        <v>12</v>
      </c>
      <c r="H1699" s="3"/>
      <c r="I1699" s="3"/>
      <c r="J1699" s="3"/>
      <c r="K1699" s="3"/>
      <c r="L1699" s="3"/>
      <c r="M1699" s="3"/>
      <c r="N1699" s="3"/>
      <c r="O1699" s="3"/>
      <c r="P1699" s="3"/>
      <c r="Q1699" s="3"/>
      <c r="R1699" s="3"/>
      <c r="S1699" s="3"/>
      <c r="T1699" s="3"/>
      <c r="U1699" s="3"/>
      <c r="V1699" s="3"/>
      <c r="W1699" s="3"/>
      <c r="X1699" s="3"/>
      <c r="Y1699" s="3"/>
      <c r="Z1699" s="3"/>
      <c r="AA1699" s="3"/>
      <c r="AB1699" s="3"/>
      <c r="AC1699" s="3"/>
      <c r="AD1699" s="3"/>
      <c r="AE1699" s="3"/>
      <c r="AF1699" s="3"/>
      <c r="AG1699" s="3"/>
      <c r="AH1699" s="3"/>
      <c r="AI1699" s="3"/>
      <c r="AJ1699" s="3"/>
      <c r="AK1699" s="3"/>
      <c r="AL1699" s="3"/>
      <c r="AM1699" s="3"/>
      <c r="AN1699" s="3"/>
      <c r="AO1699" s="3"/>
      <c r="AP1699" s="3"/>
      <c r="AQ1699" s="3"/>
      <c r="AR1699" s="3"/>
      <c r="AS1699" s="3"/>
      <c r="AT1699" s="3"/>
    </row>
    <row r="1700" spans="1:46" ht="13.5" customHeight="1" x14ac:dyDescent="0.15">
      <c r="A1700" s="3">
        <v>1699</v>
      </c>
      <c r="B1700" s="30" t="s">
        <v>613</v>
      </c>
      <c r="C1700" s="27" t="s">
        <v>650</v>
      </c>
      <c r="D1700" s="34">
        <v>40780</v>
      </c>
      <c r="E1700" s="32" t="s">
        <v>3074</v>
      </c>
      <c r="F1700" s="32" t="s">
        <v>1353</v>
      </c>
      <c r="G1700" s="27">
        <v>12</v>
      </c>
      <c r="H1700" s="3"/>
      <c r="I1700" s="3"/>
      <c r="J1700" s="3"/>
      <c r="K1700" s="3"/>
      <c r="L1700" s="3"/>
      <c r="M1700" s="3"/>
      <c r="N1700" s="3"/>
      <c r="O1700" s="3"/>
      <c r="P1700" s="3"/>
      <c r="Q1700" s="3"/>
      <c r="R1700" s="3"/>
      <c r="S1700" s="3"/>
      <c r="T1700" s="3"/>
      <c r="U1700" s="3"/>
      <c r="V1700" s="3"/>
      <c r="W1700" s="3"/>
      <c r="X1700" s="3"/>
      <c r="Y1700" s="3"/>
      <c r="Z1700" s="3"/>
      <c r="AA1700" s="3"/>
      <c r="AB1700" s="3"/>
      <c r="AC1700" s="3"/>
      <c r="AD1700" s="3"/>
      <c r="AE1700" s="3"/>
      <c r="AF1700" s="3"/>
      <c r="AG1700" s="3"/>
      <c r="AH1700" s="3"/>
      <c r="AI1700" s="3"/>
      <c r="AJ1700" s="3"/>
      <c r="AK1700" s="3"/>
      <c r="AL1700" s="3"/>
      <c r="AM1700" s="3"/>
      <c r="AN1700" s="3"/>
      <c r="AO1700" s="3"/>
      <c r="AP1700" s="3"/>
      <c r="AQ1700" s="3"/>
      <c r="AR1700" s="3"/>
      <c r="AS1700" s="3"/>
      <c r="AT1700" s="3"/>
    </row>
    <row r="1701" spans="1:46" ht="13.5" customHeight="1" x14ac:dyDescent="0.15">
      <c r="A1701" s="3">
        <v>1700</v>
      </c>
      <c r="B1701" s="30" t="s">
        <v>613</v>
      </c>
      <c r="C1701" s="27" t="s">
        <v>650</v>
      </c>
      <c r="D1701" s="34">
        <v>40810</v>
      </c>
      <c r="E1701" s="32" t="s">
        <v>3075</v>
      </c>
      <c r="F1701" s="32" t="s">
        <v>1041</v>
      </c>
      <c r="G1701" s="27">
        <v>12</v>
      </c>
      <c r="H1701" s="3"/>
      <c r="I1701" s="3"/>
      <c r="J1701" s="3"/>
      <c r="K1701" s="3"/>
      <c r="L1701" s="3"/>
      <c r="M1701" s="3"/>
      <c r="N1701" s="3"/>
      <c r="O1701" s="3"/>
      <c r="P1701" s="3"/>
      <c r="Q1701" s="3"/>
      <c r="R1701" s="3"/>
      <c r="S1701" s="3"/>
      <c r="T1701" s="3"/>
      <c r="U1701" s="3"/>
      <c r="V1701" s="3"/>
      <c r="W1701" s="3"/>
      <c r="X1701" s="3"/>
      <c r="Y1701" s="3"/>
      <c r="Z1701" s="3"/>
      <c r="AA1701" s="3"/>
      <c r="AB1701" s="3"/>
      <c r="AC1701" s="3"/>
      <c r="AD1701" s="3"/>
      <c r="AE1701" s="3"/>
      <c r="AF1701" s="3"/>
      <c r="AG1701" s="3"/>
      <c r="AH1701" s="3"/>
      <c r="AI1701" s="3"/>
      <c r="AJ1701" s="3"/>
      <c r="AK1701" s="3"/>
      <c r="AL1701" s="3"/>
      <c r="AM1701" s="3"/>
      <c r="AN1701" s="3"/>
      <c r="AO1701" s="3"/>
      <c r="AP1701" s="3"/>
      <c r="AQ1701" s="3"/>
      <c r="AR1701" s="3"/>
      <c r="AS1701" s="3"/>
      <c r="AT1701" s="3"/>
    </row>
    <row r="1702" spans="1:46" ht="13.5" customHeight="1" x14ac:dyDescent="0.15">
      <c r="A1702" s="3">
        <v>1701</v>
      </c>
      <c r="B1702" s="30" t="s">
        <v>613</v>
      </c>
      <c r="C1702" s="44" t="s">
        <v>650</v>
      </c>
      <c r="D1702" s="28">
        <v>41050</v>
      </c>
      <c r="E1702" s="29" t="s">
        <v>1370</v>
      </c>
      <c r="F1702" s="32" t="s">
        <v>1867</v>
      </c>
      <c r="G1702" s="27">
        <v>6</v>
      </c>
      <c r="H1702" s="3"/>
      <c r="I1702" s="3"/>
      <c r="J1702" s="3"/>
      <c r="K1702" s="3"/>
      <c r="L1702" s="3"/>
      <c r="M1702" s="3"/>
      <c r="N1702" s="3"/>
      <c r="O1702" s="3"/>
      <c r="P1702" s="3"/>
      <c r="Q1702" s="3"/>
      <c r="R1702" s="3"/>
      <c r="S1702" s="3"/>
      <c r="T1702" s="3"/>
      <c r="U1702" s="3"/>
      <c r="V1702" s="3"/>
      <c r="W1702" s="3"/>
      <c r="X1702" s="3"/>
      <c r="Y1702" s="3"/>
      <c r="Z1702" s="3"/>
      <c r="AA1702" s="3"/>
      <c r="AB1702" s="3"/>
      <c r="AC1702" s="3"/>
      <c r="AD1702" s="3"/>
      <c r="AE1702" s="3"/>
      <c r="AF1702" s="3"/>
      <c r="AG1702" s="3"/>
      <c r="AH1702" s="3"/>
      <c r="AI1702" s="3"/>
      <c r="AJ1702" s="3"/>
      <c r="AK1702" s="3"/>
      <c r="AL1702" s="3"/>
      <c r="AM1702" s="3"/>
      <c r="AN1702" s="3"/>
      <c r="AO1702" s="3"/>
      <c r="AP1702" s="3"/>
      <c r="AQ1702" s="3"/>
      <c r="AR1702" s="3"/>
      <c r="AS1702" s="3"/>
      <c r="AT1702" s="3"/>
    </row>
    <row r="1703" spans="1:46" ht="13.5" customHeight="1" x14ac:dyDescent="0.15">
      <c r="A1703" s="3">
        <v>1702</v>
      </c>
      <c r="B1703" s="30" t="s">
        <v>613</v>
      </c>
      <c r="C1703" s="27" t="s">
        <v>1128</v>
      </c>
      <c r="D1703" s="28">
        <v>41750</v>
      </c>
      <c r="E1703" s="38" t="s">
        <v>1953</v>
      </c>
      <c r="F1703" s="37" t="s">
        <v>1360</v>
      </c>
      <c r="G1703" s="27">
        <v>6</v>
      </c>
      <c r="H1703" s="3"/>
      <c r="I1703" s="3"/>
      <c r="J1703" s="3"/>
      <c r="K1703" s="3"/>
      <c r="L1703" s="3"/>
      <c r="M1703" s="3"/>
      <c r="N1703" s="3"/>
      <c r="O1703" s="3"/>
      <c r="P1703" s="3"/>
      <c r="Q1703" s="3"/>
      <c r="R1703" s="3"/>
      <c r="S1703" s="3"/>
      <c r="T1703" s="3"/>
      <c r="U1703" s="3"/>
      <c r="V1703" s="3"/>
      <c r="W1703" s="3"/>
      <c r="X1703" s="3"/>
      <c r="Y1703" s="3"/>
      <c r="Z1703" s="3"/>
      <c r="AA1703" s="3"/>
      <c r="AB1703" s="3"/>
      <c r="AC1703" s="3"/>
      <c r="AD1703" s="3"/>
      <c r="AE1703" s="3"/>
      <c r="AF1703" s="3"/>
      <c r="AG1703" s="3"/>
      <c r="AH1703" s="3"/>
      <c r="AI1703" s="3"/>
      <c r="AJ1703" s="3"/>
      <c r="AK1703" s="3"/>
      <c r="AL1703" s="3"/>
      <c r="AM1703" s="3"/>
      <c r="AN1703" s="3"/>
      <c r="AO1703" s="3"/>
      <c r="AP1703" s="3"/>
      <c r="AQ1703" s="3"/>
      <c r="AR1703" s="3"/>
      <c r="AS1703" s="3"/>
      <c r="AT1703" s="3"/>
    </row>
    <row r="1704" spans="1:46" ht="13.5" customHeight="1" x14ac:dyDescent="0.15">
      <c r="A1704" s="3">
        <v>1703</v>
      </c>
      <c r="B1704" s="30" t="s">
        <v>613</v>
      </c>
      <c r="C1704" s="27" t="s">
        <v>1128</v>
      </c>
      <c r="D1704" s="28">
        <v>42330</v>
      </c>
      <c r="E1704" s="36" t="s">
        <v>182</v>
      </c>
      <c r="F1704" s="32" t="s">
        <v>181</v>
      </c>
      <c r="G1704" s="27">
        <v>12</v>
      </c>
      <c r="H1704" s="3"/>
      <c r="I1704" s="3"/>
      <c r="J1704" s="3"/>
      <c r="K1704" s="3"/>
      <c r="L1704" s="3"/>
      <c r="M1704" s="3"/>
      <c r="N1704" s="3"/>
      <c r="O1704" s="3"/>
      <c r="P1704" s="3"/>
      <c r="Q1704" s="3"/>
      <c r="R1704" s="3"/>
      <c r="S1704" s="3"/>
      <c r="T1704" s="3"/>
      <c r="U1704" s="3"/>
      <c r="V1704" s="3"/>
      <c r="W1704" s="3"/>
      <c r="X1704" s="3"/>
      <c r="Y1704" s="3"/>
      <c r="Z1704" s="3"/>
      <c r="AA1704" s="3"/>
      <c r="AB1704" s="3"/>
      <c r="AC1704" s="3"/>
      <c r="AD1704" s="3"/>
      <c r="AE1704" s="3"/>
      <c r="AF1704" s="3"/>
      <c r="AG1704" s="3"/>
      <c r="AH1704" s="3"/>
      <c r="AI1704" s="3"/>
      <c r="AJ1704" s="3"/>
      <c r="AK1704" s="3"/>
      <c r="AL1704" s="3"/>
      <c r="AM1704" s="3"/>
      <c r="AN1704" s="3"/>
      <c r="AO1704" s="3"/>
      <c r="AP1704" s="3"/>
      <c r="AQ1704" s="3"/>
      <c r="AR1704" s="3"/>
      <c r="AS1704" s="3"/>
      <c r="AT1704" s="3"/>
    </row>
    <row r="1705" spans="1:46" ht="13.5" customHeight="1" x14ac:dyDescent="0.15">
      <c r="A1705" s="3">
        <v>1704</v>
      </c>
      <c r="B1705" s="30" t="s">
        <v>613</v>
      </c>
      <c r="C1705" s="27" t="s">
        <v>1128</v>
      </c>
      <c r="D1705" s="28">
        <v>42550</v>
      </c>
      <c r="E1705" s="48" t="s">
        <v>2735</v>
      </c>
      <c r="F1705" s="46" t="s">
        <v>2292</v>
      </c>
      <c r="G1705" s="27">
        <v>6</v>
      </c>
      <c r="H1705" s="3"/>
      <c r="I1705" s="3"/>
      <c r="J1705" s="3"/>
      <c r="K1705" s="3"/>
      <c r="L1705" s="3"/>
      <c r="M1705" s="3"/>
      <c r="N1705" s="3"/>
      <c r="O1705" s="3"/>
      <c r="P1705" s="3"/>
      <c r="Q1705" s="3"/>
      <c r="R1705" s="3"/>
      <c r="S1705" s="3"/>
      <c r="T1705" s="3"/>
      <c r="U1705" s="3"/>
      <c r="V1705" s="3"/>
      <c r="W1705" s="3"/>
      <c r="X1705" s="3"/>
      <c r="Y1705" s="3"/>
      <c r="Z1705" s="3"/>
      <c r="AA1705" s="3"/>
      <c r="AB1705" s="3"/>
      <c r="AC1705" s="3"/>
      <c r="AD1705" s="3"/>
      <c r="AE1705" s="3"/>
      <c r="AF1705" s="3"/>
      <c r="AG1705" s="3"/>
      <c r="AH1705" s="3"/>
      <c r="AI1705" s="3"/>
      <c r="AJ1705" s="3"/>
      <c r="AK1705" s="3"/>
      <c r="AL1705" s="3"/>
      <c r="AM1705" s="3"/>
      <c r="AN1705" s="3"/>
      <c r="AO1705" s="3"/>
      <c r="AP1705" s="3"/>
      <c r="AQ1705" s="3"/>
      <c r="AR1705" s="3"/>
      <c r="AS1705" s="3"/>
      <c r="AT1705" s="3"/>
    </row>
    <row r="1706" spans="1:46" ht="13.5" customHeight="1" x14ac:dyDescent="0.15">
      <c r="A1706" s="3">
        <v>1705</v>
      </c>
      <c r="B1706" s="30" t="s">
        <v>613</v>
      </c>
      <c r="C1706" s="27" t="s">
        <v>1128</v>
      </c>
      <c r="D1706" s="34">
        <v>143100</v>
      </c>
      <c r="E1706" s="32" t="s">
        <v>2304</v>
      </c>
      <c r="F1706" s="32" t="s">
        <v>2305</v>
      </c>
      <c r="G1706" s="27">
        <v>6</v>
      </c>
      <c r="H1706" s="3"/>
      <c r="I1706" s="3"/>
      <c r="J1706" s="3"/>
      <c r="K1706" s="3"/>
      <c r="L1706" s="3"/>
      <c r="M1706" s="3"/>
      <c r="N1706" s="3"/>
      <c r="O1706" s="3"/>
      <c r="P1706" s="3"/>
      <c r="Q1706" s="3"/>
      <c r="R1706" s="3"/>
      <c r="S1706" s="3"/>
      <c r="T1706" s="3"/>
      <c r="U1706" s="3"/>
      <c r="V1706" s="3"/>
      <c r="W1706" s="3"/>
      <c r="X1706" s="3"/>
      <c r="Y1706" s="3"/>
      <c r="Z1706" s="3"/>
      <c r="AA1706" s="3"/>
      <c r="AB1706" s="3"/>
      <c r="AC1706" s="3"/>
      <c r="AD1706" s="3"/>
      <c r="AE1706" s="3"/>
      <c r="AF1706" s="3"/>
      <c r="AG1706" s="3"/>
      <c r="AH1706" s="3"/>
      <c r="AI1706" s="3"/>
      <c r="AJ1706" s="3"/>
      <c r="AK1706" s="3"/>
      <c r="AL1706" s="3"/>
      <c r="AM1706" s="3"/>
      <c r="AN1706" s="3"/>
      <c r="AO1706" s="3"/>
      <c r="AP1706" s="3"/>
      <c r="AQ1706" s="3"/>
      <c r="AR1706" s="3"/>
      <c r="AS1706" s="3"/>
      <c r="AT1706" s="3"/>
    </row>
    <row r="1707" spans="1:46" ht="13.5" customHeight="1" x14ac:dyDescent="0.15">
      <c r="A1707" s="3">
        <v>1706</v>
      </c>
      <c r="B1707" s="26" t="s">
        <v>549</v>
      </c>
      <c r="C1707" s="27" t="s">
        <v>1128</v>
      </c>
      <c r="D1707" s="28">
        <v>144630</v>
      </c>
      <c r="E1707" s="45" t="s">
        <v>2719</v>
      </c>
      <c r="F1707" s="45" t="s">
        <v>2727</v>
      </c>
      <c r="G1707" s="27">
        <v>12</v>
      </c>
      <c r="H1707" s="3"/>
      <c r="I1707" s="3"/>
      <c r="J1707" s="3"/>
      <c r="K1707" s="3"/>
      <c r="L1707" s="3"/>
      <c r="M1707" s="3"/>
      <c r="N1707" s="3"/>
      <c r="O1707" s="3"/>
      <c r="P1707" s="3"/>
      <c r="Q1707" s="3"/>
      <c r="R1707" s="3"/>
      <c r="S1707" s="3"/>
      <c r="T1707" s="3"/>
      <c r="U1707" s="3"/>
      <c r="V1707" s="3"/>
      <c r="W1707" s="3"/>
      <c r="X1707" s="3"/>
      <c r="Y1707" s="3"/>
      <c r="Z1707" s="3"/>
      <c r="AA1707" s="3"/>
      <c r="AB1707" s="3"/>
      <c r="AC1707" s="3"/>
      <c r="AD1707" s="3"/>
      <c r="AE1707" s="3"/>
      <c r="AF1707" s="3"/>
      <c r="AG1707" s="3"/>
      <c r="AH1707" s="3"/>
      <c r="AI1707" s="3"/>
      <c r="AJ1707" s="3"/>
      <c r="AK1707" s="3"/>
      <c r="AL1707" s="3"/>
      <c r="AM1707" s="3"/>
      <c r="AN1707" s="3"/>
      <c r="AO1707" s="3"/>
      <c r="AP1707" s="3"/>
      <c r="AQ1707" s="3"/>
      <c r="AR1707" s="3"/>
      <c r="AS1707" s="3"/>
      <c r="AT1707" s="3"/>
    </row>
    <row r="1708" spans="1:46" ht="13.5" customHeight="1" x14ac:dyDescent="0.15">
      <c r="A1708" s="3">
        <v>1707</v>
      </c>
      <c r="B1708" s="30" t="s">
        <v>613</v>
      </c>
      <c r="C1708" s="27" t="s">
        <v>650</v>
      </c>
      <c r="D1708" s="31">
        <v>145470</v>
      </c>
      <c r="E1708" s="29" t="s">
        <v>2846</v>
      </c>
      <c r="F1708" s="40" t="s">
        <v>2818</v>
      </c>
      <c r="G1708" s="27">
        <v>2</v>
      </c>
      <c r="H1708" s="3"/>
      <c r="I1708" s="3"/>
      <c r="J1708" s="3"/>
      <c r="K1708" s="3"/>
      <c r="L1708" s="3"/>
      <c r="M1708" s="3"/>
      <c r="N1708" s="3"/>
      <c r="O1708" s="3"/>
      <c r="P1708" s="3"/>
      <c r="Q1708" s="3"/>
      <c r="R1708" s="3"/>
      <c r="S1708" s="3"/>
      <c r="T1708" s="3"/>
      <c r="U1708" s="3"/>
      <c r="V1708" s="3"/>
      <c r="W1708" s="3"/>
      <c r="X1708" s="3"/>
      <c r="Y1708" s="3"/>
      <c r="Z1708" s="3"/>
      <c r="AA1708" s="3"/>
      <c r="AB1708" s="3"/>
      <c r="AC1708" s="3"/>
      <c r="AD1708" s="3"/>
      <c r="AE1708" s="3"/>
      <c r="AF1708" s="3"/>
      <c r="AG1708" s="3"/>
      <c r="AH1708" s="3"/>
      <c r="AI1708" s="3"/>
      <c r="AJ1708" s="3"/>
      <c r="AK1708" s="3"/>
      <c r="AL1708" s="3"/>
      <c r="AM1708" s="3"/>
      <c r="AN1708" s="3"/>
      <c r="AO1708" s="3"/>
      <c r="AP1708" s="3"/>
      <c r="AQ1708" s="3"/>
      <c r="AR1708" s="3"/>
      <c r="AS1708" s="3"/>
      <c r="AT1708" s="3"/>
    </row>
    <row r="1709" spans="1:46" ht="13.5" customHeight="1" x14ac:dyDescent="0.15">
      <c r="A1709" s="3">
        <v>1708</v>
      </c>
      <c r="B1709" s="30" t="s">
        <v>613</v>
      </c>
      <c r="C1709" s="27" t="s">
        <v>650</v>
      </c>
      <c r="D1709" s="28">
        <v>145560</v>
      </c>
      <c r="E1709" s="40" t="s">
        <v>2884</v>
      </c>
      <c r="F1709" s="29" t="s">
        <v>2896</v>
      </c>
      <c r="G1709" s="27">
        <v>9</v>
      </c>
      <c r="H1709" s="3"/>
      <c r="I1709" s="3"/>
      <c r="J1709" s="3"/>
      <c r="K1709" s="3"/>
      <c r="L1709" s="3"/>
      <c r="M1709" s="3"/>
      <c r="N1709" s="3"/>
      <c r="O1709" s="3"/>
      <c r="P1709" s="3"/>
      <c r="Q1709" s="3"/>
      <c r="R1709" s="3"/>
      <c r="S1709" s="3"/>
      <c r="T1709" s="3"/>
      <c r="U1709" s="3"/>
      <c r="V1709" s="3"/>
      <c r="W1709" s="3"/>
      <c r="X1709" s="3"/>
      <c r="Y1709" s="3"/>
      <c r="Z1709" s="3"/>
      <c r="AA1709" s="3"/>
      <c r="AB1709" s="3"/>
      <c r="AC1709" s="3"/>
      <c r="AD1709" s="3"/>
      <c r="AE1709" s="3"/>
      <c r="AF1709" s="3"/>
      <c r="AG1709" s="3"/>
      <c r="AH1709" s="3"/>
      <c r="AI1709" s="3"/>
      <c r="AJ1709" s="3"/>
      <c r="AK1709" s="3"/>
      <c r="AL1709" s="3"/>
      <c r="AM1709" s="3"/>
      <c r="AN1709" s="3"/>
      <c r="AO1709" s="3"/>
      <c r="AP1709" s="3"/>
      <c r="AQ1709" s="3"/>
      <c r="AR1709" s="3"/>
      <c r="AS1709" s="3"/>
      <c r="AT1709" s="3"/>
    </row>
    <row r="1710" spans="1:46" ht="13.5" customHeight="1" x14ac:dyDescent="0.15">
      <c r="A1710" s="3">
        <v>1709</v>
      </c>
      <c r="B1710" s="30" t="s">
        <v>613</v>
      </c>
      <c r="C1710" s="27" t="s">
        <v>1128</v>
      </c>
      <c r="D1710" s="28">
        <v>145960</v>
      </c>
      <c r="E1710" s="40" t="s">
        <v>2978</v>
      </c>
      <c r="F1710" s="51" t="s">
        <v>2949</v>
      </c>
      <c r="G1710" s="27">
        <v>9</v>
      </c>
    </row>
    <row r="1711" spans="1:46" ht="13.5" customHeight="1" x14ac:dyDescent="0.15">
      <c r="A1711" s="3">
        <v>1710</v>
      </c>
      <c r="B1711" s="30" t="s">
        <v>613</v>
      </c>
      <c r="C1711" s="27" t="s">
        <v>3270</v>
      </c>
      <c r="D1711" s="28">
        <v>146890</v>
      </c>
      <c r="E1711" s="29" t="s">
        <v>3313</v>
      </c>
      <c r="F1711" s="53" t="s">
        <v>3314</v>
      </c>
      <c r="G1711" s="27">
        <v>8</v>
      </c>
    </row>
    <row r="1712" spans="1:46" ht="13.5" customHeight="1" x14ac:dyDescent="0.15">
      <c r="A1712" s="3">
        <v>1711</v>
      </c>
      <c r="B1712" s="30" t="s">
        <v>613</v>
      </c>
      <c r="C1712" s="27" t="s">
        <v>1128</v>
      </c>
      <c r="D1712" s="28">
        <v>147520</v>
      </c>
      <c r="E1712" s="29" t="s">
        <v>3498</v>
      </c>
      <c r="F1712" s="29" t="s">
        <v>3499</v>
      </c>
      <c r="G1712" s="27">
        <v>6</v>
      </c>
    </row>
  </sheetData>
  <autoFilter ref="B1:AT1712"/>
  <phoneticPr fontId="3"/>
  <conditionalFormatting sqref="D1549">
    <cfRule type="duplicateValues" dxfId="1" priority="1" stopIfTrue="1"/>
  </conditionalFormatting>
  <conditionalFormatting sqref="D1413:D1425 D2:D145 D1427:D1513 D736:D967 D147:D734 D969:D1411">
    <cfRule type="duplicateValues" dxfId="0" priority="60" stopIfTrue="1"/>
  </conditionalFormatting>
  <hyperlinks>
    <hyperlink ref="E1249" r:id="rId1" display="http://mpss.mfis.pref.osaka.jp/qq27scripts/dc/dc27hujnmt_in2.asp?h_cd=016850&amp;up_flg=up"/>
    <hyperlink ref="E1317" r:id="rId2" display="http://mpss.mfis.pref.osaka.jp/qq27scripts/dc/dc27hujnmt_in2.asp?h_cd=003340&amp;up_flg=up"/>
  </hyperlinks>
  <printOptions horizontalCentered="1"/>
  <pageMargins left="0.31496062992125984" right="0.31496062992125984" top="0.55118110236220474" bottom="0.35433070866141736" header="0" footer="0"/>
  <pageSetup paperSize="9" scale="92" fitToHeight="2" orientation="portrait" r:id="rId3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2</vt:i4>
      </vt:variant>
    </vt:vector>
  </HeadingPairs>
  <TitlesOfParts>
    <vt:vector size="3" baseType="lpstr">
      <vt:lpstr>診療所法人</vt:lpstr>
      <vt:lpstr>診療所法人!Print_Area</vt:lpstr>
      <vt:lpstr>診療所法人!Print_Titles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cp:lastPrinted>2022-01-18T05:30:57Z</cp:lastPrinted>
  <dcterms:created xsi:type="dcterms:W3CDTF">2008-09-01T00:35:52Z</dcterms:created>
  <dcterms:modified xsi:type="dcterms:W3CDTF">2022-01-18T05:34:38Z</dcterms:modified>
</cp:coreProperties>
</file>